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0026\004_企画調整課\10_県西地域の概況\令和５年度\06_完成版\Excel版\"/>
    </mc:Choice>
  </mc:AlternateContent>
  <bookViews>
    <workbookView xWindow="0" yWindow="0" windowWidth="2172" windowHeight="0" tabRatio="861" activeTab="4"/>
  </bookViews>
  <sheets>
    <sheet name="2(1)人口 概況" sheetId="59" r:id="rId1"/>
    <sheet name="2(2)県内地区別（管内）年齢別人口" sheetId="60" r:id="rId2"/>
    <sheet name="2(3)人口増減の動向 " sheetId="67" r:id="rId3"/>
    <sheet name="2(4)一般世帯の分類" sheetId="62" r:id="rId4"/>
    <sheet name="2(5)平均年齢2(6)合計特殊出生率" sheetId="63" r:id="rId5"/>
    <sheet name="2(7)外国人登録者数" sheetId="65" r:id="rId6"/>
  </sheets>
  <externalReferences>
    <externalReference r:id="rId7"/>
  </externalReferences>
  <definedNames>
    <definedName name="_Order1" hidden="1">255</definedName>
    <definedName name="_xlnm.Print_Area" localSheetId="0">'2(1)人口 概況'!$A$1:$F$24</definedName>
    <definedName name="_xlnm.Print_Area" localSheetId="1">'2(2)県内地区別（管内）年齢別人口'!$A$1:$K$23</definedName>
    <definedName name="_xlnm.Print_Area" localSheetId="2">'2(3)人口増減の動向 '!$A$1:$O$91</definedName>
    <definedName name="_xlnm.Print_Area" localSheetId="3">'2(4)一般世帯の分類'!$A$1:$Z$37</definedName>
    <definedName name="_xlnm.Print_Area" localSheetId="4">'2(5)平均年齢2(6)合計特殊出生率'!$A$1:$I$50</definedName>
    <definedName name="_xlnm.Print_Area" localSheetId="5">'2(7)外国人登録者数'!$A$1:$Q$22</definedName>
    <definedName name="月報">"グラフ 1"</definedName>
  </definedNames>
  <calcPr calcId="162913"/>
</workbook>
</file>

<file path=xl/calcChain.xml><?xml version="1.0" encoding="utf-8"?>
<calcChain xmlns="http://schemas.openxmlformats.org/spreadsheetml/2006/main">
  <c r="N14" i="67" l="1"/>
  <c r="N20" i="67"/>
  <c r="N26" i="67"/>
  <c r="N32" i="67"/>
  <c r="N33" i="67"/>
  <c r="N38" i="67"/>
  <c r="N44" i="67"/>
  <c r="N47" i="67"/>
  <c r="N49" i="67"/>
  <c r="N50" i="67"/>
  <c r="N51" i="67"/>
  <c r="N56" i="67"/>
  <c r="N57" i="67"/>
  <c r="N62" i="67"/>
  <c r="N63" i="67"/>
  <c r="N68" i="67"/>
  <c r="N69" i="67"/>
  <c r="N71" i="67"/>
  <c r="N72" i="67"/>
  <c r="N74" i="67" s="1"/>
  <c r="N73" i="67"/>
  <c r="N79" i="67" s="1"/>
  <c r="N75" i="67"/>
  <c r="N77" i="67"/>
  <c r="N81" i="67"/>
  <c r="N83" i="67"/>
  <c r="N86" i="67"/>
  <c r="N87" i="67"/>
  <c r="N78" i="67" l="1"/>
  <c r="N80" i="67" s="1"/>
  <c r="K21" i="60" l="1"/>
  <c r="K20" i="60"/>
  <c r="K19" i="60"/>
  <c r="K18" i="60"/>
  <c r="K17" i="60"/>
  <c r="K16" i="60"/>
  <c r="K15" i="60"/>
  <c r="K14" i="60"/>
  <c r="K13" i="60"/>
  <c r="K12" i="60"/>
  <c r="K11" i="60"/>
  <c r="K10" i="60"/>
  <c r="K9" i="60"/>
  <c r="K8" i="60"/>
  <c r="J21" i="60"/>
  <c r="J20" i="60"/>
  <c r="J19" i="60"/>
  <c r="J18" i="60"/>
  <c r="J17" i="60"/>
  <c r="J16" i="60"/>
  <c r="J15" i="60"/>
  <c r="J14" i="60"/>
  <c r="J13" i="60"/>
  <c r="J12" i="60"/>
  <c r="J11" i="60"/>
  <c r="J10" i="60"/>
  <c r="J9" i="60"/>
  <c r="J8" i="60"/>
  <c r="I21" i="60"/>
  <c r="I20" i="60"/>
  <c r="I19" i="60"/>
  <c r="I18" i="60"/>
  <c r="I17" i="60"/>
  <c r="I16" i="60"/>
  <c r="I15" i="60"/>
  <c r="I14" i="60"/>
  <c r="I13" i="60"/>
  <c r="I12" i="60"/>
  <c r="I11" i="60"/>
  <c r="I10" i="60"/>
  <c r="I9" i="60"/>
  <c r="I8" i="60"/>
  <c r="L64" i="67"/>
  <c r="H21" i="60" l="1"/>
  <c r="H20" i="60"/>
  <c r="H19" i="60"/>
  <c r="H18" i="60"/>
  <c r="H17" i="60"/>
  <c r="H16" i="60"/>
  <c r="H15" i="60"/>
  <c r="H14" i="60"/>
  <c r="H13" i="60"/>
  <c r="H12" i="60"/>
  <c r="H11" i="60"/>
  <c r="H10" i="60"/>
  <c r="H9" i="60"/>
  <c r="H8" i="60"/>
  <c r="D17" i="65" l="1"/>
  <c r="C17" i="65"/>
  <c r="D13" i="65"/>
  <c r="D18" i="65" s="1"/>
  <c r="C13" i="65"/>
  <c r="C18" i="65" s="1"/>
  <c r="G19" i="60"/>
  <c r="F19" i="60"/>
  <c r="E19" i="60"/>
  <c r="D19" i="60"/>
  <c r="G15" i="60"/>
  <c r="F15" i="60"/>
  <c r="E15" i="60"/>
  <c r="D15" i="60"/>
  <c r="D18" i="59"/>
  <c r="C18" i="59"/>
  <c r="D14" i="59"/>
  <c r="D19" i="59" s="1"/>
  <c r="C14" i="59"/>
  <c r="C19" i="59" s="1"/>
  <c r="X19" i="62" l="1"/>
  <c r="X15" i="62"/>
  <c r="X13" i="62"/>
  <c r="X11" i="62"/>
  <c r="X9" i="62"/>
  <c r="X21" i="62"/>
  <c r="Q17" i="65" l="1"/>
  <c r="P17" i="65"/>
  <c r="O17" i="65"/>
  <c r="N17" i="65"/>
  <c r="M17" i="65"/>
  <c r="L17" i="65"/>
  <c r="K17" i="65"/>
  <c r="J17" i="65"/>
  <c r="I17" i="65"/>
  <c r="H17" i="65"/>
  <c r="G17" i="65"/>
  <c r="F17" i="65"/>
  <c r="E17" i="65"/>
  <c r="Q13" i="65"/>
  <c r="P13" i="65"/>
  <c r="O13" i="65"/>
  <c r="N13" i="65"/>
  <c r="M13" i="65"/>
  <c r="L13" i="65"/>
  <c r="K13" i="65"/>
  <c r="J13" i="65"/>
  <c r="I13" i="65"/>
  <c r="H13" i="65"/>
  <c r="G13" i="65"/>
  <c r="F13" i="65"/>
  <c r="E13" i="65"/>
  <c r="V36" i="62"/>
  <c r="R36" i="62"/>
  <c r="N36" i="62"/>
  <c r="J36" i="62"/>
  <c r="X35" i="62"/>
  <c r="Y36" i="62" s="1"/>
  <c r="F36" i="62" s="1"/>
  <c r="T31" i="62"/>
  <c r="P31" i="62"/>
  <c r="L31" i="62"/>
  <c r="H31" i="62"/>
  <c r="D31" i="62"/>
  <c r="V30" i="62"/>
  <c r="R30" i="62"/>
  <c r="N30" i="62"/>
  <c r="J30" i="62"/>
  <c r="X29" i="62"/>
  <c r="Y30" i="62" s="1"/>
  <c r="V28" i="62"/>
  <c r="R28" i="62"/>
  <c r="N28" i="62"/>
  <c r="J28" i="62"/>
  <c r="X27" i="62"/>
  <c r="V26" i="62"/>
  <c r="R26" i="62"/>
  <c r="N26" i="62"/>
  <c r="J26" i="62"/>
  <c r="X25" i="62"/>
  <c r="Y26" i="62" s="1"/>
  <c r="T23" i="62"/>
  <c r="P23" i="62"/>
  <c r="L23" i="62"/>
  <c r="H23" i="62"/>
  <c r="D23" i="62"/>
  <c r="Y22" i="62"/>
  <c r="V22" i="62"/>
  <c r="R22" i="62"/>
  <c r="N22" i="62"/>
  <c r="J22" i="62"/>
  <c r="V20" i="62"/>
  <c r="R20" i="62"/>
  <c r="N20" i="62"/>
  <c r="J20" i="62"/>
  <c r="Y20" i="62"/>
  <c r="V18" i="62"/>
  <c r="R18" i="62"/>
  <c r="N18" i="62"/>
  <c r="J18" i="62"/>
  <c r="X17" i="62"/>
  <c r="Y18" i="62" s="1"/>
  <c r="V16" i="62"/>
  <c r="R16" i="62"/>
  <c r="N16" i="62"/>
  <c r="J16" i="62"/>
  <c r="Y16" i="62"/>
  <c r="V14" i="62"/>
  <c r="R14" i="62"/>
  <c r="N14" i="62"/>
  <c r="J14" i="62"/>
  <c r="Y14" i="62"/>
  <c r="V12" i="62"/>
  <c r="R12" i="62"/>
  <c r="N12" i="62"/>
  <c r="J12" i="62"/>
  <c r="Y12" i="62"/>
  <c r="V10" i="62"/>
  <c r="R10" i="62"/>
  <c r="N10" i="62"/>
  <c r="J10" i="62"/>
  <c r="Y10" i="62"/>
  <c r="M18" i="65" l="1"/>
  <c r="F18" i="65"/>
  <c r="H18" i="65"/>
  <c r="P18" i="65"/>
  <c r="T33" i="62"/>
  <c r="F26" i="62"/>
  <c r="N18" i="65"/>
  <c r="E18" i="65"/>
  <c r="O18" i="65"/>
  <c r="L18" i="65"/>
  <c r="K18" i="65"/>
  <c r="J18" i="65"/>
  <c r="G18" i="65"/>
  <c r="Q18" i="65"/>
  <c r="I18" i="65"/>
  <c r="F30" i="62"/>
  <c r="R32" i="62"/>
  <c r="J32" i="62"/>
  <c r="N32" i="62"/>
  <c r="V32" i="62"/>
  <c r="X31" i="62"/>
  <c r="Y32" i="62" s="1"/>
  <c r="F22" i="62"/>
  <c r="F16" i="62"/>
  <c r="V24" i="62"/>
  <c r="X23" i="62"/>
  <c r="Y24" i="62" s="1"/>
  <c r="R24" i="62"/>
  <c r="J24" i="62"/>
  <c r="D33" i="62"/>
  <c r="F10" i="62"/>
  <c r="V34" i="62"/>
  <c r="F20" i="62"/>
  <c r="F14" i="62"/>
  <c r="F18" i="62"/>
  <c r="F12" i="62"/>
  <c r="H33" i="62"/>
  <c r="L33" i="62"/>
  <c r="N24" i="62"/>
  <c r="P33" i="62"/>
  <c r="Y28" i="62"/>
  <c r="F28" i="62" s="1"/>
  <c r="F32" i="62" l="1"/>
  <c r="N34" i="62"/>
  <c r="J34" i="62"/>
  <c r="X33" i="62"/>
  <c r="Y34" i="62" s="1"/>
  <c r="R34" i="62"/>
  <c r="F24" i="62"/>
  <c r="F34" i="62" l="1"/>
</calcChain>
</file>

<file path=xl/sharedStrings.xml><?xml version="1.0" encoding="utf-8"?>
<sst xmlns="http://schemas.openxmlformats.org/spreadsheetml/2006/main" count="483" uniqueCount="169">
  <si>
    <t>小田原市</t>
    <rPh sb="0" eb="4">
      <t>オダワラシ</t>
    </rPh>
    <phoneticPr fontId="5"/>
  </si>
  <si>
    <t>湯河原町</t>
    <rPh sb="0" eb="4">
      <t>ユガワラマチ</t>
    </rPh>
    <phoneticPr fontId="5"/>
  </si>
  <si>
    <t>小田原市</t>
    <rPh sb="0" eb="4">
      <t>オダワラシ</t>
    </rPh>
    <phoneticPr fontId="7"/>
  </si>
  <si>
    <t>湯河原町</t>
    <rPh sb="0" eb="4">
      <t>ユガワラマチ</t>
    </rPh>
    <phoneticPr fontId="7"/>
  </si>
  <si>
    <t>南足柄市</t>
    <rPh sb="0" eb="1">
      <t>ミナミ</t>
    </rPh>
    <rPh sb="1" eb="3">
      <t>アシガラ</t>
    </rPh>
    <rPh sb="3" eb="4">
      <t>シ</t>
    </rPh>
    <phoneticPr fontId="5"/>
  </si>
  <si>
    <t>箱 根 町</t>
    <rPh sb="0" eb="5">
      <t>ハコネマチ</t>
    </rPh>
    <phoneticPr fontId="5"/>
  </si>
  <si>
    <t>真 鶴 町</t>
    <rPh sb="0" eb="5">
      <t>マナツルマチ</t>
    </rPh>
    <phoneticPr fontId="5"/>
  </si>
  <si>
    <t>中 井 町</t>
    <rPh sb="0" eb="1">
      <t>ナカ</t>
    </rPh>
    <rPh sb="2" eb="3">
      <t>イ</t>
    </rPh>
    <rPh sb="4" eb="5">
      <t>マチ</t>
    </rPh>
    <phoneticPr fontId="5"/>
  </si>
  <si>
    <t>大 井 町</t>
    <rPh sb="0" eb="1">
      <t>ダイ</t>
    </rPh>
    <rPh sb="2" eb="3">
      <t>イ</t>
    </rPh>
    <rPh sb="4" eb="5">
      <t>マチ</t>
    </rPh>
    <phoneticPr fontId="5"/>
  </si>
  <si>
    <t>松 田 町</t>
    <rPh sb="0" eb="1">
      <t>マツ</t>
    </rPh>
    <rPh sb="2" eb="3">
      <t>タ</t>
    </rPh>
    <rPh sb="4" eb="5">
      <t>マチ</t>
    </rPh>
    <phoneticPr fontId="5"/>
  </si>
  <si>
    <t>山 北 町</t>
    <rPh sb="0" eb="1">
      <t>ヤマ</t>
    </rPh>
    <rPh sb="2" eb="3">
      <t>キタ</t>
    </rPh>
    <rPh sb="4" eb="5">
      <t>マチ</t>
    </rPh>
    <phoneticPr fontId="5"/>
  </si>
  <si>
    <t>開 成 町</t>
    <rPh sb="0" eb="1">
      <t>カイ</t>
    </rPh>
    <rPh sb="2" eb="3">
      <t>シゲル</t>
    </rPh>
    <rPh sb="4" eb="5">
      <t>マチ</t>
    </rPh>
    <phoneticPr fontId="5"/>
  </si>
  <si>
    <t>箱 根 町</t>
    <rPh sb="0" eb="1">
      <t>ハコ</t>
    </rPh>
    <rPh sb="2" eb="3">
      <t>ネ</t>
    </rPh>
    <rPh sb="4" eb="5">
      <t>マチ</t>
    </rPh>
    <phoneticPr fontId="5"/>
  </si>
  <si>
    <t>中 井 町</t>
    <rPh sb="0" eb="1">
      <t>ナカ</t>
    </rPh>
    <rPh sb="2" eb="3">
      <t>イ</t>
    </rPh>
    <rPh sb="4" eb="5">
      <t>マチ</t>
    </rPh>
    <phoneticPr fontId="7"/>
  </si>
  <si>
    <t>大 井 町</t>
    <rPh sb="0" eb="1">
      <t>ダイ</t>
    </rPh>
    <rPh sb="2" eb="3">
      <t>イ</t>
    </rPh>
    <rPh sb="4" eb="5">
      <t>マチ</t>
    </rPh>
    <phoneticPr fontId="7"/>
  </si>
  <si>
    <t>松 田 町</t>
    <rPh sb="0" eb="1">
      <t>マツ</t>
    </rPh>
    <rPh sb="2" eb="3">
      <t>タ</t>
    </rPh>
    <rPh sb="4" eb="5">
      <t>マチ</t>
    </rPh>
    <phoneticPr fontId="7"/>
  </si>
  <si>
    <t>山 北 町</t>
    <rPh sb="0" eb="1">
      <t>ヤマ</t>
    </rPh>
    <rPh sb="2" eb="3">
      <t>キタ</t>
    </rPh>
    <rPh sb="4" eb="5">
      <t>マチ</t>
    </rPh>
    <phoneticPr fontId="7"/>
  </si>
  <si>
    <t>開 成 町</t>
    <rPh sb="0" eb="1">
      <t>カイ</t>
    </rPh>
    <rPh sb="2" eb="3">
      <t>シゲル</t>
    </rPh>
    <rPh sb="4" eb="5">
      <t>マチ</t>
    </rPh>
    <phoneticPr fontId="7"/>
  </si>
  <si>
    <t>箱 根 町</t>
    <rPh sb="0" eb="1">
      <t>ハコ</t>
    </rPh>
    <rPh sb="2" eb="3">
      <t>ネ</t>
    </rPh>
    <rPh sb="4" eb="5">
      <t>マチ</t>
    </rPh>
    <phoneticPr fontId="7"/>
  </si>
  <si>
    <t>県　 計</t>
    <rPh sb="0" eb="1">
      <t>ケンケイ</t>
    </rPh>
    <rPh sb="3" eb="4">
      <t>ケイサン</t>
    </rPh>
    <phoneticPr fontId="5"/>
  </si>
  <si>
    <t>管 内 計</t>
    <rPh sb="0" eb="3">
      <t>カンナイ</t>
    </rPh>
    <rPh sb="4" eb="5">
      <t>ケイ</t>
    </rPh>
    <phoneticPr fontId="5"/>
  </si>
  <si>
    <t>下郡計</t>
    <rPh sb="0" eb="1">
      <t>シモ</t>
    </rPh>
    <rPh sb="1" eb="2">
      <t>グン</t>
    </rPh>
    <rPh sb="2" eb="3">
      <t>ケイ</t>
    </rPh>
    <phoneticPr fontId="5"/>
  </si>
  <si>
    <t>上郡計</t>
    <rPh sb="0" eb="1">
      <t>ウエ</t>
    </rPh>
    <rPh sb="1" eb="2">
      <t>グン</t>
    </rPh>
    <rPh sb="2" eb="3">
      <t>ケイ</t>
    </rPh>
    <phoneticPr fontId="5"/>
  </si>
  <si>
    <t>（人）</t>
    <rPh sb="1" eb="2">
      <t>ニン</t>
    </rPh>
    <phoneticPr fontId="5"/>
  </si>
  <si>
    <t>（世帯）</t>
    <rPh sb="1" eb="3">
      <t>セタイスウ</t>
    </rPh>
    <phoneticPr fontId="5"/>
  </si>
  <si>
    <t>総数(人)</t>
    <rPh sb="0" eb="1">
      <t>ソウ</t>
    </rPh>
    <rPh sb="1" eb="2">
      <t>スウ</t>
    </rPh>
    <phoneticPr fontId="5"/>
  </si>
  <si>
    <t>人口密度(1k㎡)</t>
    <rPh sb="0" eb="2">
      <t>ジンコウ</t>
    </rPh>
    <rPh sb="2" eb="4">
      <t>ミツド</t>
    </rPh>
    <phoneticPr fontId="5"/>
  </si>
  <si>
    <t>１世帯当たり人員</t>
    <rPh sb="1" eb="3">
      <t>セタイ</t>
    </rPh>
    <rPh sb="3" eb="4">
      <t>ア</t>
    </rPh>
    <phoneticPr fontId="5"/>
  </si>
  <si>
    <t>世帯数</t>
    <rPh sb="0" eb="3">
      <t>セタイスウ</t>
    </rPh>
    <phoneticPr fontId="5"/>
  </si>
  <si>
    <t>人  口</t>
    <rPh sb="0" eb="1">
      <t>ヒト</t>
    </rPh>
    <rPh sb="3" eb="4">
      <t>クチ</t>
    </rPh>
    <phoneticPr fontId="5"/>
  </si>
  <si>
    <t>（１）概況</t>
    <rPh sb="3" eb="5">
      <t>ガイキョウ</t>
    </rPh>
    <phoneticPr fontId="5"/>
  </si>
  <si>
    <t>２　人口</t>
    <rPh sb="2" eb="4">
      <t>ジンコウ</t>
    </rPh>
    <phoneticPr fontId="5"/>
  </si>
  <si>
    <t>南足柄市</t>
  </si>
  <si>
    <t xml:space="preserve"> ※ 総数には年齢不詳を含んでいるが、年齢３区分別構成比は年齢不詳を除いて算出している。</t>
    <phoneticPr fontId="5"/>
  </si>
  <si>
    <t>(神奈川県年齢別人口統計調査結果)</t>
    <rPh sb="1" eb="5">
      <t>カナガワケン</t>
    </rPh>
    <rPh sb="5" eb="8">
      <t>ネンレイベツ</t>
    </rPh>
    <rPh sb="8" eb="10">
      <t>ジンコウ</t>
    </rPh>
    <rPh sb="10" eb="12">
      <t>トウケイ</t>
    </rPh>
    <rPh sb="12" eb="14">
      <t>チョウサ</t>
    </rPh>
    <rPh sb="14" eb="16">
      <t>ケッカ</t>
    </rPh>
    <phoneticPr fontId="4"/>
  </si>
  <si>
    <t>県　 計</t>
    <rPh sb="0" eb="1">
      <t>ケン</t>
    </rPh>
    <rPh sb="3" eb="4">
      <t>ケイ</t>
    </rPh>
    <phoneticPr fontId="4"/>
  </si>
  <si>
    <t>管 内 計</t>
    <rPh sb="0" eb="1">
      <t>カン</t>
    </rPh>
    <rPh sb="2" eb="3">
      <t>ウチ</t>
    </rPh>
    <rPh sb="4" eb="5">
      <t>ケイ</t>
    </rPh>
    <phoneticPr fontId="4"/>
  </si>
  <si>
    <t>湯河原町</t>
    <rPh sb="0" eb="1">
      <t>ユ</t>
    </rPh>
    <rPh sb="1" eb="2">
      <t>カワ</t>
    </rPh>
    <rPh sb="2" eb="3">
      <t>ハラ</t>
    </rPh>
    <rPh sb="3" eb="4">
      <t>マチ</t>
    </rPh>
    <phoneticPr fontId="5"/>
  </si>
  <si>
    <t>真 鶴 町</t>
    <rPh sb="0" eb="1">
      <t>マコト</t>
    </rPh>
    <rPh sb="2" eb="3">
      <t>ツル</t>
    </rPh>
    <rPh sb="4" eb="5">
      <t>マチ</t>
    </rPh>
    <phoneticPr fontId="5"/>
  </si>
  <si>
    <t>％</t>
  </si>
  <si>
    <t>人</t>
  </si>
  <si>
    <t>小田原市</t>
    <rPh sb="0" eb="3">
      <t>オダワラ</t>
    </rPh>
    <rPh sb="3" eb="4">
      <t>シ</t>
    </rPh>
    <phoneticPr fontId="5"/>
  </si>
  <si>
    <t>65歳以上</t>
    <rPh sb="2" eb="5">
      <t>サイイジョウ</t>
    </rPh>
    <phoneticPr fontId="4"/>
  </si>
  <si>
    <t>15～64歳</t>
    <rPh sb="5" eb="6">
      <t>サイ</t>
    </rPh>
    <phoneticPr fontId="5"/>
  </si>
  <si>
    <t>0～14歳</t>
    <rPh sb="4" eb="5">
      <t>サイ</t>
    </rPh>
    <phoneticPr fontId="4"/>
  </si>
  <si>
    <t>年齢不詳</t>
    <rPh sb="0" eb="2">
      <t>ネンレイ</t>
    </rPh>
    <rPh sb="2" eb="4">
      <t>フショウ</t>
    </rPh>
    <phoneticPr fontId="5"/>
  </si>
  <si>
    <t>老年人口
(65歳以上)</t>
    <rPh sb="0" eb="2">
      <t>ロウネン</t>
    </rPh>
    <rPh sb="2" eb="4">
      <t>ジンコウ</t>
    </rPh>
    <rPh sb="8" eb="9">
      <t>サイ</t>
    </rPh>
    <rPh sb="9" eb="11">
      <t>イジョウ</t>
    </rPh>
    <phoneticPr fontId="4"/>
  </si>
  <si>
    <t>年少人口
(0～14歳)</t>
    <rPh sb="0" eb="2">
      <t>ネンショウ</t>
    </rPh>
    <rPh sb="2" eb="4">
      <t>ジンコウ</t>
    </rPh>
    <rPh sb="10" eb="11">
      <t>サイ</t>
    </rPh>
    <phoneticPr fontId="4"/>
  </si>
  <si>
    <t>総   数</t>
    <rPh sb="0" eb="1">
      <t>フサ</t>
    </rPh>
    <rPh sb="4" eb="5">
      <t>カズ</t>
    </rPh>
    <phoneticPr fontId="4"/>
  </si>
  <si>
    <t>構　成　比</t>
    <rPh sb="0" eb="5">
      <t>コウセイヒ</t>
    </rPh>
    <phoneticPr fontId="4"/>
  </si>
  <si>
    <t>年齢３区分別人口</t>
    <rPh sb="0" eb="2">
      <t>ネンレイ</t>
    </rPh>
    <rPh sb="3" eb="5">
      <t>クブン</t>
    </rPh>
    <rPh sb="5" eb="6">
      <t>ベツ</t>
    </rPh>
    <rPh sb="6" eb="8">
      <t>ジンコウ</t>
    </rPh>
    <phoneticPr fontId="4"/>
  </si>
  <si>
    <t>（２）年齢３区分別人口</t>
    <rPh sb="3" eb="5">
      <t>ネンレイ</t>
    </rPh>
    <rPh sb="6" eb="8">
      <t>クブン</t>
    </rPh>
    <rPh sb="8" eb="9">
      <t>ベツ</t>
    </rPh>
    <rPh sb="9" eb="11">
      <t>ジンコウ</t>
    </rPh>
    <phoneticPr fontId="5"/>
  </si>
  <si>
    <t xml:space="preserve"> ※ 高齢化率は総人口から年齢不詳を除いて算出している。</t>
    <rPh sb="3" eb="6">
      <t>コウレイカ</t>
    </rPh>
    <rPh sb="6" eb="7">
      <t>リツ</t>
    </rPh>
    <rPh sb="8" eb="11">
      <t>ソウジンコウ</t>
    </rPh>
    <rPh sb="13" eb="15">
      <t>ネンレイ</t>
    </rPh>
    <rPh sb="15" eb="17">
      <t>フショウ</t>
    </rPh>
    <rPh sb="18" eb="19">
      <t>ノゾ</t>
    </rPh>
    <rPh sb="21" eb="23">
      <t>サンシュツ</t>
    </rPh>
    <phoneticPr fontId="5"/>
  </si>
  <si>
    <t>高齢化率</t>
    <rPh sb="0" eb="3">
      <t>コウレイカ</t>
    </rPh>
    <rPh sb="3" eb="4">
      <t>リツ</t>
    </rPh>
    <phoneticPr fontId="7"/>
  </si>
  <si>
    <t>高齢者人口</t>
    <phoneticPr fontId="7"/>
  </si>
  <si>
    <t>計</t>
    <rPh sb="0" eb="1">
      <t>ケイ</t>
    </rPh>
    <phoneticPr fontId="7"/>
  </si>
  <si>
    <t>社会増減</t>
    <rPh sb="0" eb="3">
      <t>シャカイゾウ</t>
    </rPh>
    <rPh sb="3" eb="4">
      <t>ゲン</t>
    </rPh>
    <phoneticPr fontId="7"/>
  </si>
  <si>
    <t>自然増減</t>
    <rPh sb="0" eb="2">
      <t>シゼン</t>
    </rPh>
    <rPh sb="2" eb="3">
      <t>ゾウ</t>
    </rPh>
    <rPh sb="3" eb="4">
      <t>ゲン</t>
    </rPh>
    <phoneticPr fontId="7"/>
  </si>
  <si>
    <t>人口増減</t>
    <rPh sb="0" eb="2">
      <t>ジンコウ</t>
    </rPh>
    <rPh sb="2" eb="4">
      <t>ゾウゲン</t>
    </rPh>
    <phoneticPr fontId="7"/>
  </si>
  <si>
    <t>総 人 口</t>
    <rPh sb="0" eb="1">
      <t>ソウ</t>
    </rPh>
    <rPh sb="2" eb="3">
      <t>ヒト</t>
    </rPh>
    <rPh sb="4" eb="5">
      <t>クチ</t>
    </rPh>
    <phoneticPr fontId="7"/>
  </si>
  <si>
    <t>県　 計</t>
    <rPh sb="0" eb="1">
      <t>ケン</t>
    </rPh>
    <rPh sb="3" eb="4">
      <t>ケイ</t>
    </rPh>
    <phoneticPr fontId="7"/>
  </si>
  <si>
    <t>管 内 計</t>
    <rPh sb="0" eb="1">
      <t>カン</t>
    </rPh>
    <rPh sb="2" eb="3">
      <t>ナイ</t>
    </rPh>
    <rPh sb="4" eb="5">
      <t>ケイ</t>
    </rPh>
    <phoneticPr fontId="7"/>
  </si>
  <si>
    <t>下郡計</t>
    <rPh sb="0" eb="1">
      <t>シタ</t>
    </rPh>
    <rPh sb="1" eb="2">
      <t>グン</t>
    </rPh>
    <rPh sb="2" eb="3">
      <t>ケイ</t>
    </rPh>
    <phoneticPr fontId="7"/>
  </si>
  <si>
    <t>真 鶴 町</t>
    <rPh sb="0" eb="1">
      <t>マコト</t>
    </rPh>
    <rPh sb="2" eb="3">
      <t>ツル</t>
    </rPh>
    <rPh sb="4" eb="5">
      <t>マチ</t>
    </rPh>
    <phoneticPr fontId="7"/>
  </si>
  <si>
    <t>上郡計</t>
    <rPh sb="0" eb="1">
      <t>ウエ</t>
    </rPh>
    <rPh sb="1" eb="2">
      <t>グン</t>
    </rPh>
    <rPh sb="2" eb="3">
      <t>ケイ</t>
    </rPh>
    <phoneticPr fontId="7"/>
  </si>
  <si>
    <t>南足柄市</t>
    <rPh sb="0" eb="3">
      <t>ミナミアシガラ</t>
    </rPh>
    <rPh sb="3" eb="4">
      <t>シ</t>
    </rPh>
    <phoneticPr fontId="7"/>
  </si>
  <si>
    <t>高齢化率</t>
    <rPh sb="0" eb="2">
      <t>コウレイ</t>
    </rPh>
    <rPh sb="2" eb="3">
      <t>カ</t>
    </rPh>
    <rPh sb="3" eb="4">
      <t>リツ</t>
    </rPh>
    <phoneticPr fontId="7"/>
  </si>
  <si>
    <t>平成31年</t>
    <rPh sb="0" eb="2">
      <t>ヘイセイ</t>
    </rPh>
    <rPh sb="4" eb="5">
      <t>ネン</t>
    </rPh>
    <phoneticPr fontId="7"/>
  </si>
  <si>
    <t>平成30年</t>
    <rPh sb="0" eb="2">
      <t>ヘイセイ</t>
    </rPh>
    <rPh sb="4" eb="5">
      <t>ネン</t>
    </rPh>
    <phoneticPr fontId="7"/>
  </si>
  <si>
    <t>区　分</t>
    <rPh sb="0" eb="1">
      <t>ク</t>
    </rPh>
    <rPh sb="2" eb="3">
      <t>ブン</t>
    </rPh>
    <phoneticPr fontId="7"/>
  </si>
  <si>
    <t>市町名</t>
    <rPh sb="0" eb="2">
      <t>シチョウ</t>
    </rPh>
    <rPh sb="2" eb="3">
      <t>メイ</t>
    </rPh>
    <phoneticPr fontId="7"/>
  </si>
  <si>
    <t>（３）人口増減の動向</t>
    <rPh sb="3" eb="5">
      <t>ジンコウ</t>
    </rPh>
    <rPh sb="5" eb="7">
      <t>ゾウゲン</t>
    </rPh>
    <rPh sb="8" eb="10">
      <t>ドウコウ</t>
    </rPh>
    <phoneticPr fontId="7"/>
  </si>
  <si>
    <t>%)</t>
    <phoneticPr fontId="5"/>
  </si>
  <si>
    <t>(</t>
    <phoneticPr fontId="5"/>
  </si>
  <si>
    <t>下郡計</t>
    <rPh sb="0" eb="1">
      <t>シタ</t>
    </rPh>
    <rPh sb="1" eb="2">
      <t>グン</t>
    </rPh>
    <rPh sb="2" eb="3">
      <t>ケイ</t>
    </rPh>
    <phoneticPr fontId="5"/>
  </si>
  <si>
    <t>開 成 町</t>
    <phoneticPr fontId="5"/>
  </si>
  <si>
    <t>山 北 町</t>
    <phoneticPr fontId="5"/>
  </si>
  <si>
    <t>松 田 町</t>
    <phoneticPr fontId="5"/>
  </si>
  <si>
    <t>大 井 町</t>
    <phoneticPr fontId="5"/>
  </si>
  <si>
    <t>中 井 町</t>
    <phoneticPr fontId="5"/>
  </si>
  <si>
    <t>核家族以外の
世　  帯</t>
    <rPh sb="0" eb="3">
      <t>カクカゾク</t>
    </rPh>
    <rPh sb="3" eb="5">
      <t>イガイ</t>
    </rPh>
    <rPh sb="7" eb="8">
      <t>セイ</t>
    </rPh>
    <rPh sb="11" eb="12">
      <t>オビ</t>
    </rPh>
    <phoneticPr fontId="4"/>
  </si>
  <si>
    <t>核 家 族
世　  帯</t>
    <rPh sb="0" eb="1">
      <t>カク</t>
    </rPh>
    <rPh sb="2" eb="3">
      <t>イエ</t>
    </rPh>
    <rPh sb="4" eb="5">
      <t>ゾク</t>
    </rPh>
    <rPh sb="6" eb="7">
      <t>セイ</t>
    </rPh>
    <rPh sb="10" eb="11">
      <t>オビ</t>
    </rPh>
    <phoneticPr fontId="4"/>
  </si>
  <si>
    <t>不　詳</t>
    <rPh sb="0" eb="1">
      <t>フ</t>
    </rPh>
    <rPh sb="2" eb="3">
      <t>ショウ</t>
    </rPh>
    <phoneticPr fontId="5"/>
  </si>
  <si>
    <t>単独世帯</t>
    <rPh sb="0" eb="2">
      <t>タンドク</t>
    </rPh>
    <rPh sb="2" eb="4">
      <t>セタイ</t>
    </rPh>
    <phoneticPr fontId="5"/>
  </si>
  <si>
    <t>非親族を含む
世　  帯</t>
    <rPh sb="0" eb="1">
      <t>ヒ</t>
    </rPh>
    <rPh sb="1" eb="3">
      <t>シンゾク</t>
    </rPh>
    <rPh sb="4" eb="5">
      <t>フク</t>
    </rPh>
    <rPh sb="7" eb="8">
      <t>セイ</t>
    </rPh>
    <rPh sb="11" eb="12">
      <t>オビ</t>
    </rPh>
    <phoneticPr fontId="4"/>
  </si>
  <si>
    <t>親族のみの世帯</t>
    <rPh sb="0" eb="2">
      <t>シンゾク</t>
    </rPh>
    <rPh sb="5" eb="7">
      <t>セタイ</t>
    </rPh>
    <phoneticPr fontId="5"/>
  </si>
  <si>
    <t>一般世帯
総    数</t>
    <rPh sb="0" eb="2">
      <t>イッパン</t>
    </rPh>
    <rPh sb="2" eb="4">
      <t>セタイ</t>
    </rPh>
    <rPh sb="5" eb="6">
      <t>フサ</t>
    </rPh>
    <rPh sb="10" eb="11">
      <t>カズ</t>
    </rPh>
    <phoneticPr fontId="4"/>
  </si>
  <si>
    <t>（４）一般世帯の分類</t>
    <rPh sb="3" eb="5">
      <t>イッパン</t>
    </rPh>
    <rPh sb="5" eb="7">
      <t>セタイ</t>
    </rPh>
    <rPh sb="8" eb="10">
      <t>ブンルイ</t>
    </rPh>
    <phoneticPr fontId="5"/>
  </si>
  <si>
    <t>「神奈川県年齢別人口統計調査結果」</t>
    <rPh sb="1" eb="5">
      <t>カナガワケン</t>
    </rPh>
    <rPh sb="5" eb="8">
      <t>ネンレイベツ</t>
    </rPh>
    <rPh sb="8" eb="10">
      <t>ジンコウ</t>
    </rPh>
    <rPh sb="10" eb="12">
      <t>トウケイ</t>
    </rPh>
    <rPh sb="12" eb="14">
      <t>チョウサ</t>
    </rPh>
    <rPh sb="14" eb="16">
      <t>ケッカ</t>
    </rPh>
    <phoneticPr fontId="5"/>
  </si>
  <si>
    <t>県　 計</t>
    <rPh sb="0" eb="1">
      <t>ケン</t>
    </rPh>
    <rPh sb="3" eb="4">
      <t>ケイ</t>
    </rPh>
    <phoneticPr fontId="5"/>
  </si>
  <si>
    <t>県    西</t>
    <rPh sb="0" eb="1">
      <t>ケン</t>
    </rPh>
    <rPh sb="5" eb="6">
      <t>ニシ</t>
    </rPh>
    <phoneticPr fontId="5"/>
  </si>
  <si>
    <t>湘    南</t>
    <rPh sb="0" eb="1">
      <t>ショウ</t>
    </rPh>
    <rPh sb="5" eb="6">
      <t>ミナミ</t>
    </rPh>
    <phoneticPr fontId="5"/>
  </si>
  <si>
    <t>県    央</t>
    <rPh sb="0" eb="1">
      <t>ケン</t>
    </rPh>
    <rPh sb="5" eb="6">
      <t>オウ</t>
    </rPh>
    <phoneticPr fontId="5"/>
  </si>
  <si>
    <t>横須賀三浦</t>
    <rPh sb="0" eb="3">
      <t>ヨコスカ</t>
    </rPh>
    <rPh sb="3" eb="5">
      <t>ミウラ</t>
    </rPh>
    <phoneticPr fontId="5"/>
  </si>
  <si>
    <t>川 崎 市</t>
    <rPh sb="0" eb="1">
      <t>カワ</t>
    </rPh>
    <rPh sb="2" eb="3">
      <t>ザキ</t>
    </rPh>
    <rPh sb="4" eb="5">
      <t>シ</t>
    </rPh>
    <phoneticPr fontId="5"/>
  </si>
  <si>
    <t>横 浜 市</t>
    <rPh sb="0" eb="1">
      <t>ヨコ</t>
    </rPh>
    <rPh sb="2" eb="3">
      <t>ハマ</t>
    </rPh>
    <rPh sb="4" eb="5">
      <t>シ</t>
    </rPh>
    <phoneticPr fontId="5"/>
  </si>
  <si>
    <t>平均年齢(歳）</t>
    <rPh sb="0" eb="2">
      <t>ヘイキン</t>
    </rPh>
    <rPh sb="2" eb="4">
      <t>ネンレイ</t>
    </rPh>
    <rPh sb="5" eb="6">
      <t>サイ</t>
    </rPh>
    <phoneticPr fontId="5"/>
  </si>
  <si>
    <t>地 域 名</t>
    <rPh sb="0" eb="1">
      <t>ジ</t>
    </rPh>
    <rPh sb="2" eb="3">
      <t>イキ</t>
    </rPh>
    <rPh sb="4" eb="5">
      <t>ナ</t>
    </rPh>
    <phoneticPr fontId="5"/>
  </si>
  <si>
    <t>女</t>
    <rPh sb="0" eb="1">
      <t>オンナ</t>
    </rPh>
    <phoneticPr fontId="5"/>
  </si>
  <si>
    <t>男</t>
    <rPh sb="0" eb="1">
      <t>オトコ</t>
    </rPh>
    <phoneticPr fontId="5"/>
  </si>
  <si>
    <t>平均(歳)</t>
    <rPh sb="0" eb="2">
      <t>ヘイキン</t>
    </rPh>
    <rPh sb="3" eb="4">
      <t>サイ</t>
    </rPh>
    <phoneticPr fontId="5"/>
  </si>
  <si>
    <t>市 町 名</t>
    <rPh sb="0" eb="1">
      <t>シ</t>
    </rPh>
    <rPh sb="2" eb="3">
      <t>マチ</t>
    </rPh>
    <rPh sb="4" eb="5">
      <t>メイ</t>
    </rPh>
    <phoneticPr fontId="5"/>
  </si>
  <si>
    <t>地域別平均年齢</t>
    <rPh sb="0" eb="2">
      <t>チイキ</t>
    </rPh>
    <rPh sb="2" eb="3">
      <t>ベツ</t>
    </rPh>
    <rPh sb="3" eb="5">
      <t>ヘイキン</t>
    </rPh>
    <rPh sb="5" eb="7">
      <t>ネンレイ</t>
    </rPh>
    <phoneticPr fontId="5"/>
  </si>
  <si>
    <t>市町別平均年齢</t>
    <rPh sb="0" eb="2">
      <t>シチョウ</t>
    </rPh>
    <rPh sb="2" eb="3">
      <t>ベツ</t>
    </rPh>
    <rPh sb="3" eb="5">
      <t>ヘイキン</t>
    </rPh>
    <rPh sb="5" eb="7">
      <t>ネンレイ</t>
    </rPh>
    <phoneticPr fontId="5"/>
  </si>
  <si>
    <t>（５）平均年齢</t>
    <rPh sb="3" eb="7">
      <t>ヘイキンネンレイ</t>
    </rPh>
    <phoneticPr fontId="5"/>
  </si>
  <si>
    <t xml:space="preserve"> ※ 本表は、県内市区町村の住民基本台帳に登録されている外国人の数の集計値です。</t>
    <rPh sb="3" eb="4">
      <t>ホン</t>
    </rPh>
    <rPh sb="4" eb="5">
      <t>ヒョウ</t>
    </rPh>
    <rPh sb="7" eb="9">
      <t>ケンナイ</t>
    </rPh>
    <rPh sb="9" eb="11">
      <t>シク</t>
    </rPh>
    <rPh sb="11" eb="13">
      <t>チョウソン</t>
    </rPh>
    <rPh sb="21" eb="23">
      <t>トウロク</t>
    </rPh>
    <rPh sb="32" eb="33">
      <t>カズ</t>
    </rPh>
    <phoneticPr fontId="5"/>
  </si>
  <si>
    <t>(神奈川県国際文化観光局国際課調べ)</t>
    <rPh sb="1" eb="5">
      <t>カナガワケン</t>
    </rPh>
    <rPh sb="5" eb="7">
      <t>コクサイ</t>
    </rPh>
    <rPh sb="7" eb="9">
      <t>ブンカ</t>
    </rPh>
    <rPh sb="9" eb="11">
      <t>カンコウ</t>
    </rPh>
    <rPh sb="11" eb="12">
      <t>キョク</t>
    </rPh>
    <rPh sb="12" eb="14">
      <t>コクサイ</t>
    </rPh>
    <rPh sb="14" eb="15">
      <t>カ</t>
    </rPh>
    <rPh sb="15" eb="16">
      <t>シラ</t>
    </rPh>
    <phoneticPr fontId="5"/>
  </si>
  <si>
    <t>県 合 計</t>
    <phoneticPr fontId="5" type="Hiragana" alignment="center"/>
  </si>
  <si>
    <t>管 内 計</t>
    <rPh sb="0" eb="1">
      <t>カン</t>
    </rPh>
    <rPh sb="2" eb="3">
      <t>ナイ</t>
    </rPh>
    <rPh sb="4" eb="5">
      <t>ケイ</t>
    </rPh>
    <phoneticPr fontId="5"/>
  </si>
  <si>
    <t>湯河原町</t>
    <phoneticPr fontId="5" type="Hiragana" alignment="center"/>
  </si>
  <si>
    <t>真 鶴 町</t>
    <phoneticPr fontId="5" type="Hiragana" alignment="center"/>
  </si>
  <si>
    <t>箱 根 町</t>
    <phoneticPr fontId="5" type="Hiragana" alignment="center"/>
  </si>
  <si>
    <t>開 成 町</t>
    <phoneticPr fontId="5" type="Hiragana" alignment="center"/>
  </si>
  <si>
    <t>山 北 町</t>
    <phoneticPr fontId="5" type="Hiragana" alignment="center"/>
  </si>
  <si>
    <t>松 田 町</t>
    <phoneticPr fontId="5" type="Hiragana" alignment="center"/>
  </si>
  <si>
    <t>大 井 町</t>
    <phoneticPr fontId="5" type="Hiragana" alignment="center"/>
  </si>
  <si>
    <t>中 井 町</t>
    <phoneticPr fontId="5" type="Hiragana" alignment="center"/>
  </si>
  <si>
    <t>南足柄市</t>
    <phoneticPr fontId="5" type="Hiragana" alignment="center"/>
  </si>
  <si>
    <t>小田原市</t>
    <phoneticPr fontId="5" type="Hiragana" alignment="center"/>
  </si>
  <si>
    <t>ｽﾘﾗﾝｶ</t>
    <phoneticPr fontId="5"/>
  </si>
  <si>
    <t>ｲﾝﾄﾞﾈｼｱ</t>
    <phoneticPr fontId="5"/>
  </si>
  <si>
    <t>ﾀ ｲ</t>
    <phoneticPr fontId="5"/>
  </si>
  <si>
    <t>台湾</t>
    <rPh sb="0" eb="2">
      <t>たいわん</t>
    </rPh>
    <phoneticPr fontId="5" type="Hiragana" alignment="center"/>
  </si>
  <si>
    <t>米国</t>
    <rPh sb="0" eb="2">
      <t>ベイコク</t>
    </rPh>
    <phoneticPr fontId="5"/>
  </si>
  <si>
    <t>ﾍﾟﾙ-</t>
    <phoneticPr fontId="5" type="Hiragana" alignment="center"/>
  </si>
  <si>
    <t>ｲﾝﾄﾞ</t>
    <phoneticPr fontId="5"/>
  </si>
  <si>
    <t>ﾈﾊﾟｰﾙ</t>
    <phoneticPr fontId="5" type="Hiragana" alignment="center"/>
  </si>
  <si>
    <t>ﾌﾞﾗｼﾞﾙ</t>
    <phoneticPr fontId="5" type="Hiragana" alignment="center"/>
  </si>
  <si>
    <t>ﾌｨﾘﾋﾟﾝ</t>
    <phoneticPr fontId="5" type="Hiragana" alignment="center"/>
  </si>
  <si>
    <t>ﾍﾞﾄﾅﾑ</t>
    <phoneticPr fontId="5" type="Hiragana" alignment="center"/>
  </si>
  <si>
    <t>韓 国</t>
    <rPh sb="0" eb="1">
      <t>カン</t>
    </rPh>
    <rPh sb="2" eb="3">
      <t>クニ</t>
    </rPh>
    <phoneticPr fontId="5"/>
  </si>
  <si>
    <t>中 国</t>
    <phoneticPr fontId="5" type="Hiragana" alignment="center"/>
  </si>
  <si>
    <t>合　計</t>
    <rPh sb="0" eb="1">
      <t>ゴウ</t>
    </rPh>
    <rPh sb="2" eb="3">
      <t>ケイ</t>
    </rPh>
    <phoneticPr fontId="5"/>
  </si>
  <si>
    <t>（７）外国人登録者数</t>
    <rPh sb="3" eb="6">
      <t>ガイコクジン</t>
    </rPh>
    <rPh sb="6" eb="9">
      <t>トウロクシャ</t>
    </rPh>
    <rPh sb="9" eb="10">
      <t>スウ</t>
    </rPh>
    <phoneticPr fontId="5"/>
  </si>
  <si>
    <t xml:space="preserve">      区 分  
市町名</t>
    <rPh sb="6" eb="7">
      <t>ク</t>
    </rPh>
    <rPh sb="8" eb="9">
      <t>ブン</t>
    </rPh>
    <rPh sb="15" eb="17">
      <t>シチョウ</t>
    </rPh>
    <rPh sb="17" eb="18">
      <t>メイ</t>
    </rPh>
    <phoneticPr fontId="5"/>
  </si>
  <si>
    <t>湯河原町</t>
    <rPh sb="0" eb="4">
      <t>ユガワラマチ</t>
    </rPh>
    <phoneticPr fontId="5"/>
  </si>
  <si>
    <t xml:space="preserve"> 　 　  区 分 
市町名　　　</t>
    <rPh sb="6" eb="7">
      <t>ク</t>
    </rPh>
    <rPh sb="8" eb="9">
      <t>ブン</t>
    </rPh>
    <rPh sb="11" eb="13">
      <t>シチョウ</t>
    </rPh>
    <rPh sb="13" eb="14">
      <t>メイ</t>
    </rPh>
    <phoneticPr fontId="5"/>
  </si>
  <si>
    <t xml:space="preserve">      区 分
 市町名</t>
    <rPh sb="6" eb="7">
      <t>ク</t>
    </rPh>
    <rPh sb="8" eb="9">
      <t>ブン</t>
    </rPh>
    <rPh sb="16" eb="18">
      <t>シチョウ</t>
    </rPh>
    <rPh sb="18" eb="19">
      <t>メイ</t>
    </rPh>
    <phoneticPr fontId="5"/>
  </si>
  <si>
    <t>（人）</t>
    <phoneticPr fontId="5"/>
  </si>
  <si>
    <t>　　　　　　　</t>
    <phoneticPr fontId="5"/>
  </si>
  <si>
    <t>「神奈川県の人口と世帯」</t>
    <phoneticPr fontId="5"/>
  </si>
  <si>
    <t>%)</t>
    <phoneticPr fontId="5"/>
  </si>
  <si>
    <t>(</t>
    <phoneticPr fontId="5"/>
  </si>
  <si>
    <t>(令和２年 国勢調査)</t>
    <rPh sb="1" eb="3">
      <t>レイワ</t>
    </rPh>
    <phoneticPr fontId="5"/>
  </si>
  <si>
    <t>(単位：人）</t>
    <rPh sb="1" eb="3">
      <t>タンイ</t>
    </rPh>
    <rPh sb="4" eb="5">
      <t>ニン</t>
    </rPh>
    <phoneticPr fontId="5"/>
  </si>
  <si>
    <t>令和２年</t>
    <rPh sb="0" eb="2">
      <t>レイワ</t>
    </rPh>
    <rPh sb="3" eb="4">
      <t>ネン</t>
    </rPh>
    <phoneticPr fontId="7"/>
  </si>
  <si>
    <t>令和３年</t>
    <rPh sb="0" eb="2">
      <t>レイワ</t>
    </rPh>
    <rPh sb="3" eb="4">
      <t>ネン</t>
    </rPh>
    <phoneticPr fontId="7"/>
  </si>
  <si>
    <t xml:space="preserve">     「神奈川県年齢別人口統計調査結果」</t>
    <rPh sb="6" eb="10">
      <t>カナガワケン</t>
    </rPh>
    <rPh sb="10" eb="13">
      <t>ネンレイベツ</t>
    </rPh>
    <rPh sb="13" eb="15">
      <t>ジンコウ</t>
    </rPh>
    <rPh sb="15" eb="17">
      <t>トウケイ</t>
    </rPh>
    <rPh sb="17" eb="19">
      <t>チョウサ</t>
    </rPh>
    <rPh sb="19" eb="21">
      <t>ケッカ</t>
    </rPh>
    <phoneticPr fontId="7"/>
  </si>
  <si>
    <t xml:space="preserve">     「神奈川県人口統計調査結果報告」</t>
    <phoneticPr fontId="5"/>
  </si>
  <si>
    <t xml:space="preserve">     「神奈川県人口統計調査結果報告」</t>
    <phoneticPr fontId="5"/>
  </si>
  <si>
    <t xml:space="preserve">     「神奈川県人口統計調査結果報告」</t>
    <phoneticPr fontId="5"/>
  </si>
  <si>
    <t xml:space="preserve"> 　　※ 人口増減は各年中の合計数値</t>
    <rPh sb="7" eb="9">
      <t>ゾウゲン</t>
    </rPh>
    <phoneticPr fontId="5"/>
  </si>
  <si>
    <t xml:space="preserve"> 　　※ 総人口・高齢者人口(65歳以上)・高齢化率は、各年1月1日現在</t>
    <rPh sb="5" eb="8">
      <t>ソウジンコウ</t>
    </rPh>
    <rPh sb="9" eb="11">
      <t>コウレイ</t>
    </rPh>
    <rPh sb="11" eb="12">
      <t>シャ</t>
    </rPh>
    <rPh sb="12" eb="14">
      <t>ジンコウ</t>
    </rPh>
    <rPh sb="22" eb="25">
      <t>コウレイカ</t>
    </rPh>
    <rPh sb="25" eb="26">
      <t>リツ</t>
    </rPh>
    <phoneticPr fontId="7"/>
  </si>
  <si>
    <t>令和４年</t>
    <rPh sb="0" eb="2">
      <t>レイワ</t>
    </rPh>
    <rPh sb="3" eb="4">
      <t>ネン</t>
    </rPh>
    <phoneticPr fontId="7"/>
  </si>
  <si>
    <t>その他
163か国</t>
    <rPh sb="2" eb="3">
      <t>タ</t>
    </rPh>
    <phoneticPr fontId="5"/>
  </si>
  <si>
    <t xml:space="preserve"> ※ 人口密度は令和５年３月23日公表の、国土交通省国土地理院「全国都道府県市区町</t>
    <rPh sb="3" eb="5">
      <t>ジンコウ</t>
    </rPh>
    <rPh sb="5" eb="7">
      <t>ミツド</t>
    </rPh>
    <rPh sb="8" eb="10">
      <t>レイワ</t>
    </rPh>
    <rPh sb="11" eb="12">
      <t>ネン</t>
    </rPh>
    <rPh sb="13" eb="14">
      <t>ツキ</t>
    </rPh>
    <rPh sb="16" eb="17">
      <t>ニチ</t>
    </rPh>
    <rPh sb="17" eb="19">
      <t>コウヒョウ</t>
    </rPh>
    <rPh sb="21" eb="23">
      <t>コクド</t>
    </rPh>
    <rPh sb="23" eb="26">
      <t>コウツウショウ</t>
    </rPh>
    <rPh sb="26" eb="28">
      <t>コクド</t>
    </rPh>
    <rPh sb="28" eb="30">
      <t>チリ</t>
    </rPh>
    <rPh sb="30" eb="31">
      <t>イン</t>
    </rPh>
    <phoneticPr fontId="5"/>
  </si>
  <si>
    <t>　  村別面積調（令和５年１月１日現在) の数値に基づき算出したものです。</t>
    <phoneticPr fontId="5"/>
  </si>
  <si>
    <t>令和５年４月１日現在</t>
    <rPh sb="0" eb="2">
      <t>レイワ</t>
    </rPh>
    <rPh sb="3" eb="4">
      <t>ネン</t>
    </rPh>
    <rPh sb="5" eb="6">
      <t>ガツ</t>
    </rPh>
    <rPh sb="7" eb="10">
      <t>ニチゲンザイ</t>
    </rPh>
    <rPh sb="8" eb="10">
      <t>ゲンザイ</t>
    </rPh>
    <phoneticPr fontId="5"/>
  </si>
  <si>
    <t>令和４年１月１日現在</t>
    <rPh sb="0" eb="2">
      <t>レイワ</t>
    </rPh>
    <phoneticPr fontId="5"/>
  </si>
  <si>
    <t>令和２年10月１日現在</t>
    <rPh sb="0" eb="2">
      <t>レイワ</t>
    </rPh>
    <phoneticPr fontId="5"/>
  </si>
  <si>
    <t>世 帯 数</t>
    <rPh sb="0" eb="1">
      <t>ヨ</t>
    </rPh>
    <rPh sb="2" eb="3">
      <t>オビ</t>
    </rPh>
    <rPh sb="4" eb="5">
      <t>スウ</t>
    </rPh>
    <phoneticPr fontId="5"/>
  </si>
  <si>
    <t>世 帯 数</t>
    <rPh sb="0" eb="1">
      <t>ヨ</t>
    </rPh>
    <rPh sb="2" eb="3">
      <t>オビ</t>
    </rPh>
    <rPh sb="4" eb="5">
      <t>スウ</t>
    </rPh>
    <phoneticPr fontId="5"/>
  </si>
  <si>
    <t>令和４年１月１日現在</t>
    <rPh sb="0" eb="2">
      <t>レイワ</t>
    </rPh>
    <rPh sb="3" eb="4">
      <t>ネン</t>
    </rPh>
    <rPh sb="5" eb="6">
      <t>ツキ</t>
    </rPh>
    <rPh sb="7" eb="8">
      <t>ニチ</t>
    </rPh>
    <rPh sb="8" eb="10">
      <t>ゲンザイ</t>
    </rPh>
    <phoneticPr fontId="5"/>
  </si>
  <si>
    <t>（単位:人）令和５年１月１日現在</t>
    <rPh sb="6" eb="8">
      <t>レイワ</t>
    </rPh>
    <phoneticPr fontId="5"/>
  </si>
  <si>
    <t>　　※ 総人口・高齢者人口(65歳以上)・高齢化率は、各年１月１日現在</t>
    <rPh sb="4" eb="7">
      <t>ソウジンコウ</t>
    </rPh>
    <rPh sb="8" eb="10">
      <t>コウレイ</t>
    </rPh>
    <rPh sb="10" eb="11">
      <t>シャ</t>
    </rPh>
    <rPh sb="11" eb="13">
      <t>ジンコウ</t>
    </rPh>
    <rPh sb="21" eb="24">
      <t>コウレイカ</t>
    </rPh>
    <rPh sb="24" eb="25">
      <t>リツ</t>
    </rPh>
    <phoneticPr fontId="7"/>
  </si>
  <si>
    <t>　　※ 高齢化率は総人口から年齢不詳を除いて算出している</t>
    <rPh sb="4" eb="7">
      <t>コウレイカ</t>
    </rPh>
    <rPh sb="7" eb="8">
      <t>リツ</t>
    </rPh>
    <rPh sb="9" eb="12">
      <t>ソウジンコウ</t>
    </rPh>
    <rPh sb="14" eb="16">
      <t>ネンレイ</t>
    </rPh>
    <rPh sb="16" eb="18">
      <t>フショウ</t>
    </rPh>
    <rPh sb="19" eb="20">
      <t>ノゾ</t>
    </rPh>
    <rPh sb="22" eb="24">
      <t>サンシュツ</t>
    </rPh>
    <phoneticPr fontId="5"/>
  </si>
  <si>
    <t>　　※ 人口増減は各年中の合計数値</t>
    <rPh sb="6" eb="8">
      <t>ゾウゲン</t>
    </rPh>
    <phoneticPr fontId="5"/>
  </si>
  <si>
    <r>
      <rPr>
        <sz val="10"/>
        <color theme="1"/>
        <rFont val="ＭＳ 明朝"/>
        <family val="1"/>
        <charset val="128"/>
      </rPr>
      <t>生産年齢人口</t>
    </r>
    <r>
      <rPr>
        <sz val="10.5"/>
        <color theme="1"/>
        <rFont val="ＭＳ 明朝"/>
        <family val="1"/>
        <charset val="128"/>
      </rPr>
      <t xml:space="preserve">
(15～64歳)</t>
    </r>
    <rPh sb="0" eb="2">
      <t>セイサン</t>
    </rPh>
    <rPh sb="2" eb="4">
      <t>ネンレイ</t>
    </rPh>
    <rPh sb="4" eb="6">
      <t>ジンコウ</t>
    </rPh>
    <rPh sb="13" eb="14">
      <t>サイ</t>
    </rPh>
    <phoneticPr fontId="4"/>
  </si>
  <si>
    <r>
      <t xml:space="preserve">( 構成比 </t>
    </r>
    <r>
      <rPr>
        <sz val="10"/>
        <color theme="1"/>
        <rFont val="ＭＳ 明朝"/>
        <family val="1"/>
        <charset val="128"/>
      </rPr>
      <t>%</t>
    </r>
    <r>
      <rPr>
        <sz val="9"/>
        <color theme="1"/>
        <rFont val="ＭＳ 明朝"/>
        <family val="1"/>
        <charset val="128"/>
      </rPr>
      <t>)</t>
    </r>
    <rPh sb="2" eb="3">
      <t>カマエ</t>
    </rPh>
    <rPh sb="3" eb="4">
      <t>シゲル</t>
    </rPh>
    <rPh sb="4" eb="5">
      <t>ヒ</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2">
    <numFmt numFmtId="176" formatCode="#,##0_);[Red]\(#,##0\)"/>
    <numFmt numFmtId="177" formatCode="0.0_ "/>
    <numFmt numFmtId="178" formatCode="0.0_);[Red]\(0.0\)"/>
    <numFmt numFmtId="179" formatCode="0.00_);[Red]\(0.00\)"/>
    <numFmt numFmtId="180" formatCode="#,##0.0;&quot;△ &quot;#,##0.0"/>
    <numFmt numFmtId="181" formatCode="#,##0_ ;[Red]\-#,##0\ "/>
    <numFmt numFmtId="182" formatCode="#,##0.00_);[Red]\(#,##0.00\)"/>
    <numFmt numFmtId="183" formatCode="#,##0_);\(#,##0\)"/>
    <numFmt numFmtId="184" formatCode="#,##0;&quot;△ &quot;#,##0"/>
    <numFmt numFmtId="185" formatCode="#,##0.0_);[Red]\(#,##0.0\)"/>
    <numFmt numFmtId="186" formatCode="0.00_ "/>
    <numFmt numFmtId="187" formatCode="#,##0_ "/>
  </numFmts>
  <fonts count="36">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name val="ＭＳ Ｐゴシック"/>
      <family val="3"/>
      <charset val="128"/>
    </font>
    <font>
      <sz val="6"/>
      <name val="ＭＳ 明朝"/>
      <family val="1"/>
      <charset val="128"/>
    </font>
    <font>
      <sz val="10.5"/>
      <name val="ＭＳ ゴシック"/>
      <family val="3"/>
      <charset val="128"/>
    </font>
    <font>
      <sz val="11"/>
      <name val="ＭＳ 明朝"/>
      <family val="1"/>
      <charset val="128"/>
    </font>
    <font>
      <sz val="10.5"/>
      <name val="ＭＳ 明朝"/>
      <family val="1"/>
      <charset val="128"/>
    </font>
    <font>
      <sz val="10"/>
      <name val="ＭＳ 明朝"/>
      <family val="1"/>
      <charset val="128"/>
    </font>
    <font>
      <sz val="12"/>
      <name val="ＭＳ 明朝"/>
      <family val="1"/>
      <charset val="128"/>
    </font>
    <font>
      <sz val="12"/>
      <name val="ＭＳ ゴシック"/>
      <family val="3"/>
      <charset val="128"/>
    </font>
    <font>
      <sz val="8"/>
      <name val="ＭＳ 明朝"/>
      <family val="1"/>
      <charset val="128"/>
    </font>
    <font>
      <sz val="13"/>
      <name val="ＭＳ ゴシック"/>
      <family val="3"/>
      <charset val="128"/>
    </font>
    <font>
      <sz val="11"/>
      <name val="ＭＳ ゴシック"/>
      <family val="3"/>
      <charset val="128"/>
    </font>
    <font>
      <sz val="10.5"/>
      <color rgb="FFFF0000"/>
      <name val="ＭＳ 明朝"/>
      <family val="1"/>
      <charset val="128"/>
    </font>
    <font>
      <sz val="10.5"/>
      <color rgb="FFFF0000"/>
      <name val="ＭＳ ゴシック"/>
      <family val="3"/>
      <charset val="128"/>
    </font>
    <font>
      <b/>
      <sz val="12"/>
      <color rgb="FFFF0000"/>
      <name val="ＭＳ ゴシック"/>
      <family val="3"/>
      <charset val="128"/>
    </font>
    <font>
      <sz val="11"/>
      <color rgb="FF0070C0"/>
      <name val="ＭＳ 明朝"/>
      <family val="1"/>
      <charset val="128"/>
    </font>
    <font>
      <sz val="12"/>
      <color rgb="FF0070C0"/>
      <name val="ＭＳ ゴシック"/>
      <family val="3"/>
      <charset val="128"/>
    </font>
    <font>
      <sz val="10"/>
      <color theme="1"/>
      <name val="ＭＳ 明朝"/>
      <family val="1"/>
      <charset val="128"/>
    </font>
    <font>
      <u/>
      <sz val="11"/>
      <color theme="10"/>
      <name val="ＭＳ Ｐゴシック"/>
      <family val="3"/>
      <charset val="128"/>
    </font>
    <font>
      <sz val="11"/>
      <color theme="1"/>
      <name val="ＭＳ 明朝"/>
      <family val="1"/>
      <charset val="128"/>
    </font>
    <font>
      <sz val="10.5"/>
      <color theme="1"/>
      <name val="ＭＳ 明朝"/>
      <family val="1"/>
      <charset val="128"/>
    </font>
    <font>
      <sz val="12"/>
      <color theme="1"/>
      <name val="ＭＳ ゴシック"/>
      <family val="3"/>
      <charset val="128"/>
    </font>
    <font>
      <sz val="9"/>
      <color theme="1"/>
      <name val="ＭＳ 明朝"/>
      <family val="1"/>
      <charset val="128"/>
    </font>
    <font>
      <sz val="11"/>
      <color theme="1"/>
      <name val="ＭＳ ゴシック"/>
      <family val="3"/>
      <charset val="128"/>
    </font>
    <font>
      <sz val="10.5"/>
      <color theme="1"/>
      <name val="ＭＳ ゴシック"/>
      <family val="3"/>
      <charset val="128"/>
    </font>
    <font>
      <sz val="16"/>
      <color theme="1"/>
      <name val="ＭＳ ゴシック"/>
      <family val="3"/>
      <charset val="128"/>
    </font>
    <font>
      <sz val="11"/>
      <color theme="1"/>
      <name val="ＭＳ Ｐゴシック"/>
      <family val="3"/>
      <charset val="128"/>
    </font>
    <font>
      <sz val="10"/>
      <color theme="1"/>
      <name val="ＭＳ ゴシック"/>
      <family val="3"/>
      <charset val="128"/>
    </font>
    <font>
      <sz val="9"/>
      <color theme="1"/>
      <name val="ＭＳ ゴシック"/>
      <family val="3"/>
      <charset val="128"/>
    </font>
    <font>
      <sz val="14"/>
      <color theme="1"/>
      <name val="ＭＳ ゴシック"/>
      <family val="3"/>
      <charset val="128"/>
    </font>
    <font>
      <sz val="12"/>
      <color theme="1"/>
      <name val="ＭＳ 明朝"/>
      <family val="1"/>
      <charset val="128"/>
    </font>
  </fonts>
  <fills count="3">
    <fill>
      <patternFill patternType="none"/>
    </fill>
    <fill>
      <patternFill patternType="gray125"/>
    </fill>
    <fill>
      <patternFill patternType="solid">
        <fgColor theme="0"/>
        <bgColor indexed="64"/>
      </patternFill>
    </fill>
  </fills>
  <borders count="148">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hair">
        <color indexed="64"/>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style="hair">
        <color indexed="64"/>
      </left>
      <right style="hair">
        <color indexed="64"/>
      </right>
      <top/>
      <bottom style="thin">
        <color indexed="64"/>
      </bottom>
      <diagonal/>
    </border>
    <border>
      <left/>
      <right/>
      <top style="hair">
        <color indexed="64"/>
      </top>
      <bottom style="hair">
        <color indexed="64"/>
      </bottom>
      <diagonal/>
    </border>
    <border>
      <left/>
      <right style="hair">
        <color indexed="64"/>
      </right>
      <top style="thin">
        <color indexed="64"/>
      </top>
      <bottom style="thin">
        <color indexed="64"/>
      </bottom>
      <diagonal/>
    </border>
    <border>
      <left style="hair">
        <color indexed="64"/>
      </left>
      <right style="hair">
        <color indexed="64"/>
      </right>
      <top/>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thin">
        <color indexed="64"/>
      </top>
      <bottom/>
      <diagonal/>
    </border>
    <border>
      <left style="hair">
        <color indexed="64"/>
      </left>
      <right/>
      <top/>
      <bottom style="thin">
        <color indexed="64"/>
      </bottom>
      <diagonal/>
    </border>
    <border>
      <left/>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thin">
        <color indexed="64"/>
      </left>
      <right style="hair">
        <color indexed="64"/>
      </right>
      <top/>
      <bottom style="hair">
        <color indexed="64"/>
      </bottom>
      <diagonal/>
    </border>
    <border>
      <left/>
      <right style="hair">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style="thin">
        <color indexed="64"/>
      </top>
      <bottom style="thin">
        <color indexed="64"/>
      </bottom>
      <diagonal/>
    </border>
    <border>
      <left/>
      <right/>
      <top style="hair">
        <color indexed="64"/>
      </top>
      <bottom/>
      <diagonal/>
    </border>
    <border>
      <left/>
      <right style="thin">
        <color indexed="64"/>
      </right>
      <top style="hair">
        <color indexed="64"/>
      </top>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hair">
        <color indexed="64"/>
      </top>
      <bottom/>
      <diagonal/>
    </border>
    <border>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right style="hair">
        <color indexed="64"/>
      </right>
      <top/>
      <bottom style="thin">
        <color indexed="64"/>
      </bottom>
      <diagonal/>
    </border>
    <border>
      <left style="hair">
        <color indexed="64"/>
      </left>
      <right/>
      <top style="thin">
        <color indexed="64"/>
      </top>
      <bottom/>
      <diagonal/>
    </border>
    <border>
      <left style="hair">
        <color indexed="64"/>
      </left>
      <right/>
      <top/>
      <bottom style="hair">
        <color indexed="64"/>
      </bottom>
      <diagonal/>
    </border>
    <border>
      <left style="hair">
        <color indexed="64"/>
      </left>
      <right/>
      <top style="hair">
        <color indexed="64"/>
      </top>
      <bottom/>
      <diagonal/>
    </border>
    <border>
      <left style="thin">
        <color indexed="64"/>
      </left>
      <right/>
      <top style="hair">
        <color indexed="64"/>
      </top>
      <bottom/>
      <diagonal/>
    </border>
    <border>
      <left style="thin">
        <color indexed="64"/>
      </left>
      <right style="hair">
        <color indexed="64"/>
      </right>
      <top style="thin">
        <color indexed="64"/>
      </top>
      <bottom/>
      <diagonal/>
    </border>
    <border>
      <left style="thin">
        <color indexed="64"/>
      </left>
      <right style="thin">
        <color indexed="64"/>
      </right>
      <top style="double">
        <color indexed="64"/>
      </top>
      <bottom style="thin">
        <color indexed="64"/>
      </bottom>
      <diagonal/>
    </border>
    <border>
      <left style="hair">
        <color indexed="64"/>
      </left>
      <right style="thin">
        <color indexed="64"/>
      </right>
      <top style="double">
        <color indexed="64"/>
      </top>
      <bottom style="thin">
        <color indexed="64"/>
      </bottom>
      <diagonal/>
    </border>
    <border>
      <left style="thin">
        <color indexed="64"/>
      </left>
      <right style="hair">
        <color indexed="64"/>
      </right>
      <top style="double">
        <color indexed="64"/>
      </top>
      <bottom style="thin">
        <color indexed="64"/>
      </bottom>
      <diagonal/>
    </border>
    <border>
      <left style="thin">
        <color indexed="64"/>
      </left>
      <right/>
      <top style="double">
        <color indexed="64"/>
      </top>
      <bottom style="thin">
        <color indexed="64"/>
      </bottom>
      <diagonal/>
    </border>
    <border>
      <left style="hair">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thin">
        <color indexed="64"/>
      </left>
      <right style="hair">
        <color indexed="64"/>
      </right>
      <top style="thin">
        <color indexed="64"/>
      </top>
      <bottom style="medium">
        <color indexed="64"/>
      </bottom>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left style="hair">
        <color indexed="64"/>
      </left>
      <right style="hair">
        <color indexed="64"/>
      </right>
      <top/>
      <bottom style="double">
        <color indexed="64"/>
      </bottom>
      <diagonal/>
    </border>
    <border>
      <left style="thin">
        <color indexed="64"/>
      </left>
      <right style="hair">
        <color indexed="64"/>
      </right>
      <top/>
      <bottom style="double">
        <color indexed="64"/>
      </bottom>
      <diagonal/>
    </border>
    <border>
      <left style="hair">
        <color indexed="64"/>
      </left>
      <right style="hair">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diagonalDown="1">
      <left/>
      <right style="thin">
        <color indexed="64"/>
      </right>
      <top/>
      <bottom style="thin">
        <color indexed="64"/>
      </bottom>
      <diagonal style="hair">
        <color indexed="64"/>
      </diagonal>
    </border>
    <border diagonalDown="1">
      <left style="thin">
        <color indexed="64"/>
      </left>
      <right/>
      <top/>
      <bottom style="thin">
        <color indexed="64"/>
      </bottom>
      <diagonal style="hair">
        <color indexed="64"/>
      </diagonal>
    </border>
    <border diagonalDown="1">
      <left/>
      <right style="thin">
        <color indexed="64"/>
      </right>
      <top/>
      <bottom/>
      <diagonal style="hair">
        <color indexed="64"/>
      </diagonal>
    </border>
    <border diagonalDown="1">
      <left style="thin">
        <color indexed="64"/>
      </left>
      <right/>
      <top/>
      <bottom/>
      <diagonal style="hair">
        <color indexed="64"/>
      </diagonal>
    </border>
    <border diagonalDown="1">
      <left/>
      <right style="thin">
        <color indexed="64"/>
      </right>
      <top style="thin">
        <color indexed="64"/>
      </top>
      <bottom/>
      <diagonal style="hair">
        <color indexed="64"/>
      </diagonal>
    </border>
    <border diagonalDown="1">
      <left style="thin">
        <color indexed="64"/>
      </left>
      <right/>
      <top style="thin">
        <color indexed="64"/>
      </top>
      <bottom/>
      <diagonal style="hair">
        <color indexed="64"/>
      </diagonal>
    </border>
    <border>
      <left/>
      <right style="thin">
        <color indexed="64"/>
      </right>
      <top style="hair">
        <color indexed="64"/>
      </top>
      <bottom style="double">
        <color indexed="64"/>
      </bottom>
      <diagonal/>
    </border>
    <border>
      <left style="hair">
        <color indexed="64"/>
      </left>
      <right/>
      <top style="hair">
        <color indexed="64"/>
      </top>
      <bottom style="double">
        <color indexed="64"/>
      </bottom>
      <diagonal/>
    </border>
    <border>
      <left/>
      <right/>
      <top style="hair">
        <color indexed="64"/>
      </top>
      <bottom style="double">
        <color indexed="64"/>
      </bottom>
      <diagonal/>
    </border>
    <border>
      <left/>
      <right style="hair">
        <color indexed="64"/>
      </right>
      <top style="hair">
        <color indexed="64"/>
      </top>
      <bottom style="double">
        <color indexed="64"/>
      </bottom>
      <diagonal/>
    </border>
    <border>
      <left style="hair">
        <color indexed="64"/>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thin">
        <color indexed="64"/>
      </left>
      <right/>
      <top style="thin">
        <color indexed="64"/>
      </top>
      <bottom style="double">
        <color indexed="64"/>
      </bottom>
      <diagonal/>
    </border>
    <border>
      <left/>
      <right style="thin">
        <color indexed="64"/>
      </right>
      <top style="hair">
        <color indexed="64"/>
      </top>
      <bottom style="medium">
        <color indexed="64"/>
      </bottom>
      <diagonal/>
    </border>
    <border>
      <left style="hair">
        <color indexed="64"/>
      </left>
      <right/>
      <top style="hair">
        <color indexed="64"/>
      </top>
      <bottom style="medium">
        <color indexed="64"/>
      </bottom>
      <diagonal/>
    </border>
    <border>
      <left/>
      <right/>
      <top style="hair">
        <color indexed="64"/>
      </top>
      <bottom style="medium">
        <color indexed="64"/>
      </bottom>
      <diagonal/>
    </border>
    <border>
      <left/>
      <right style="hair">
        <color indexed="64"/>
      </right>
      <top style="hair">
        <color indexed="64"/>
      </top>
      <bottom style="medium">
        <color indexed="64"/>
      </bottom>
      <diagonal/>
    </border>
    <border>
      <left style="hair">
        <color indexed="64"/>
      </left>
      <right style="thin">
        <color indexed="64"/>
      </right>
      <top style="hair">
        <color indexed="64"/>
      </top>
      <bottom style="medium">
        <color indexed="64"/>
      </bottom>
      <diagonal/>
    </border>
    <border>
      <left style="thin">
        <color indexed="64"/>
      </left>
      <right style="hair">
        <color indexed="64"/>
      </right>
      <top style="hair">
        <color indexed="64"/>
      </top>
      <bottom style="medium">
        <color indexed="64"/>
      </bottom>
      <diagonal/>
    </border>
    <border>
      <left/>
      <right style="thin">
        <color indexed="64"/>
      </right>
      <top style="medium">
        <color indexed="64"/>
      </top>
      <bottom style="hair">
        <color indexed="64"/>
      </bottom>
      <diagonal/>
    </border>
    <border>
      <left/>
      <right/>
      <top style="medium">
        <color indexed="64"/>
      </top>
      <bottom style="hair">
        <color indexed="64"/>
      </bottom>
      <diagonal/>
    </border>
    <border>
      <left/>
      <right style="thin">
        <color indexed="64"/>
      </right>
      <top style="medium">
        <color indexed="64"/>
      </top>
      <bottom/>
      <diagonal/>
    </border>
    <border>
      <left style="hair">
        <color indexed="64"/>
      </left>
      <right/>
      <top style="medium">
        <color indexed="64"/>
      </top>
      <bottom/>
      <diagonal/>
    </border>
    <border>
      <left/>
      <right/>
      <top style="medium">
        <color indexed="64"/>
      </top>
      <bottom/>
      <diagonal/>
    </border>
    <border>
      <left/>
      <right style="hair">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style="thin">
        <color indexed="64"/>
      </right>
      <top/>
      <bottom style="medium">
        <color indexed="64"/>
      </bottom>
      <diagonal/>
    </border>
    <border>
      <left style="hair">
        <color indexed="64"/>
      </left>
      <right/>
      <top/>
      <bottom style="medium">
        <color indexed="64"/>
      </bottom>
      <diagonal/>
    </border>
    <border>
      <left/>
      <right/>
      <top/>
      <bottom style="medium">
        <color indexed="64"/>
      </bottom>
      <diagonal/>
    </border>
    <border>
      <left/>
      <right style="hair">
        <color indexed="64"/>
      </right>
      <top/>
      <bottom style="medium">
        <color indexed="64"/>
      </bottom>
      <diagonal/>
    </border>
    <border>
      <left style="thin">
        <color indexed="64"/>
      </left>
      <right style="thin">
        <color indexed="64"/>
      </right>
      <top/>
      <bottom style="medium">
        <color indexed="64"/>
      </bottom>
      <diagonal/>
    </border>
    <border>
      <left/>
      <right style="hair">
        <color indexed="64"/>
      </right>
      <top style="thin">
        <color indexed="64"/>
      </top>
      <bottom/>
      <diagonal/>
    </border>
    <border>
      <left/>
      <right style="thin">
        <color indexed="64"/>
      </right>
      <top style="double">
        <color indexed="64"/>
      </top>
      <bottom/>
      <diagonal/>
    </border>
    <border>
      <left/>
      <right/>
      <top style="double">
        <color indexed="64"/>
      </top>
      <bottom/>
      <diagonal/>
    </border>
    <border>
      <left style="thin">
        <color indexed="64"/>
      </left>
      <right/>
      <top style="double">
        <color indexed="64"/>
      </top>
      <bottom/>
      <diagonal/>
    </border>
    <border>
      <left/>
      <right style="hair">
        <color indexed="64"/>
      </right>
      <top style="double">
        <color indexed="64"/>
      </top>
      <bottom/>
      <diagonal/>
    </border>
    <border>
      <left/>
      <right style="hair">
        <color indexed="64"/>
      </right>
      <top/>
      <bottom/>
      <diagonal/>
    </border>
    <border>
      <left style="thin">
        <color indexed="64"/>
      </left>
      <right/>
      <top style="medium">
        <color indexed="64"/>
      </top>
      <bottom/>
      <diagonal/>
    </border>
    <border>
      <left style="thin">
        <color indexed="64"/>
      </left>
      <right/>
      <top/>
      <bottom style="medium">
        <color indexed="64"/>
      </bottom>
      <diagonal/>
    </border>
    <border>
      <left style="thin">
        <color indexed="64"/>
      </left>
      <right style="double">
        <color indexed="64"/>
      </right>
      <top/>
      <bottom style="thin">
        <color indexed="64"/>
      </bottom>
      <diagonal/>
    </border>
    <border>
      <left/>
      <right style="thin">
        <color indexed="64"/>
      </right>
      <top/>
      <bottom style="double">
        <color indexed="64"/>
      </bottom>
      <diagonal/>
    </border>
    <border>
      <left style="thin">
        <color indexed="64"/>
      </left>
      <right style="double">
        <color indexed="64"/>
      </right>
      <top/>
      <bottom style="double">
        <color indexed="64"/>
      </bottom>
      <diagonal/>
    </border>
    <border>
      <left/>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thin">
        <color indexed="64"/>
      </left>
      <right style="double">
        <color indexed="64"/>
      </right>
      <top style="hair">
        <color indexed="64"/>
      </top>
      <bottom style="hair">
        <color indexed="64"/>
      </bottom>
      <diagonal/>
    </border>
    <border>
      <left style="thin">
        <color indexed="64"/>
      </left>
      <right style="double">
        <color indexed="64"/>
      </right>
      <top/>
      <bottom/>
      <diagonal/>
    </border>
    <border>
      <left style="thin">
        <color indexed="64"/>
      </left>
      <right style="double">
        <color indexed="64"/>
      </right>
      <top style="thin">
        <color indexed="64"/>
      </top>
      <bottom style="thin">
        <color indexed="64"/>
      </bottom>
      <diagonal/>
    </border>
    <border diagonalDown="1">
      <left style="thin">
        <color indexed="64"/>
      </left>
      <right style="thin">
        <color indexed="64"/>
      </right>
      <top style="thin">
        <color indexed="64"/>
      </top>
      <bottom/>
      <diagonal style="hair">
        <color indexed="64"/>
      </diagonal>
    </border>
    <border diagonalDown="1">
      <left style="thin">
        <color indexed="64"/>
      </left>
      <right style="thin">
        <color indexed="64"/>
      </right>
      <top/>
      <bottom style="thin">
        <color indexed="64"/>
      </bottom>
      <diagonal style="hair">
        <color indexed="64"/>
      </diagonal>
    </border>
    <border diagonalDown="1">
      <left style="thin">
        <color indexed="64"/>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diagonal style="thin">
        <color indexed="64"/>
      </diagonal>
    </border>
    <border diagonalDown="1">
      <left/>
      <right style="thin">
        <color indexed="64"/>
      </right>
      <top/>
      <bottom/>
      <diagonal style="thin">
        <color indexed="64"/>
      </diagonal>
    </border>
    <border diagonalDown="1">
      <left style="thin">
        <color indexed="64"/>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style="hair">
        <color indexed="64"/>
      </right>
      <top style="thin">
        <color indexed="64"/>
      </top>
      <bottom style="hair">
        <color indexed="64"/>
      </bottom>
      <diagonal/>
    </border>
    <border>
      <left style="hair">
        <color indexed="64"/>
      </left>
      <right style="hair">
        <color indexed="64"/>
      </right>
      <top style="double">
        <color indexed="64"/>
      </top>
      <bottom style="thin">
        <color indexed="64"/>
      </bottom>
      <diagonal/>
    </border>
    <border>
      <left style="thin">
        <color indexed="64"/>
      </left>
      <right/>
      <top style="medium">
        <color indexed="64"/>
      </top>
      <bottom style="hair">
        <color indexed="64"/>
      </bottom>
      <diagonal/>
    </border>
  </borders>
  <cellStyleXfs count="15">
    <xf numFmtId="0" fontId="0" fillId="0" borderId="0"/>
    <xf numFmtId="9" fontId="6" fillId="0" borderId="0" applyFont="0" applyFill="0" applyBorder="0" applyAlignment="0" applyProtection="0"/>
    <xf numFmtId="38" fontId="4" fillId="0" borderId="0" applyFont="0" applyFill="0" applyBorder="0" applyAlignment="0" applyProtection="0"/>
    <xf numFmtId="38" fontId="6" fillId="0" borderId="0" applyFont="0" applyFill="0" applyBorder="0" applyAlignment="0" applyProtection="0"/>
    <xf numFmtId="0" fontId="4" fillId="0" borderId="0"/>
    <xf numFmtId="0" fontId="6" fillId="0" borderId="0"/>
    <xf numFmtId="0" fontId="11" fillId="0" borderId="0" applyBorder="0">
      <alignment vertical="center"/>
    </xf>
    <xf numFmtId="38" fontId="4" fillId="0" borderId="0" applyFont="0" applyFill="0" applyBorder="0" applyAlignment="0" applyProtection="0"/>
    <xf numFmtId="38" fontId="3" fillId="0" borderId="0" applyFont="0" applyFill="0" applyBorder="0" applyAlignment="0" applyProtection="0">
      <alignment vertical="center"/>
    </xf>
    <xf numFmtId="0" fontId="3" fillId="0" borderId="0">
      <alignment vertical="center"/>
    </xf>
    <xf numFmtId="9" fontId="4" fillId="0" borderId="0" applyFont="0" applyFill="0" applyBorder="0" applyAlignment="0" applyProtection="0"/>
    <xf numFmtId="0" fontId="2" fillId="0" borderId="0">
      <alignment vertical="center"/>
    </xf>
    <xf numFmtId="38" fontId="2" fillId="0" borderId="0" applyFont="0" applyFill="0" applyBorder="0" applyAlignment="0" applyProtection="0">
      <alignment vertical="center"/>
    </xf>
    <xf numFmtId="0" fontId="1" fillId="0" borderId="0">
      <alignment vertical="center"/>
    </xf>
    <xf numFmtId="0" fontId="23" fillId="0" borderId="0" applyNumberFormat="0" applyFill="0" applyBorder="0" applyAlignment="0" applyProtection="0"/>
  </cellStyleXfs>
  <cellXfs count="585">
    <xf numFmtId="0" fontId="0" fillId="0" borderId="0" xfId="0"/>
    <xf numFmtId="0" fontId="9" fillId="0" borderId="0" xfId="4" applyFont="1" applyFill="1" applyAlignment="1">
      <alignment horizontal="center" vertical="center"/>
    </xf>
    <xf numFmtId="0" fontId="9" fillId="0" borderId="0" xfId="4" applyFont="1" applyFill="1" applyAlignment="1">
      <alignment horizontal="center"/>
    </xf>
    <xf numFmtId="0" fontId="10" fillId="0" borderId="0" xfId="4" applyFont="1" applyFill="1" applyAlignment="1">
      <alignment vertical="center"/>
    </xf>
    <xf numFmtId="0" fontId="17" fillId="0" borderId="0" xfId="4" applyFont="1" applyFill="1" applyAlignment="1">
      <alignment vertical="center"/>
    </xf>
    <xf numFmtId="0" fontId="10" fillId="0" borderId="0" xfId="4" applyFont="1" applyFill="1" applyAlignment="1">
      <alignment horizontal="center" vertical="center"/>
    </xf>
    <xf numFmtId="0" fontId="10" fillId="0" borderId="0" xfId="4" applyFont="1" applyFill="1" applyBorder="1" applyAlignment="1">
      <alignment vertical="center"/>
    </xf>
    <xf numFmtId="0" fontId="10" fillId="0" borderId="0" xfId="4" applyFont="1" applyFill="1" applyAlignment="1"/>
    <xf numFmtId="0" fontId="8" fillId="0" borderId="0" xfId="4" applyFont="1" applyFill="1"/>
    <xf numFmtId="0" fontId="10" fillId="0" borderId="0" xfId="4" applyFont="1" applyFill="1"/>
    <xf numFmtId="176" fontId="10" fillId="0" borderId="0" xfId="4" applyNumberFormat="1" applyFont="1" applyFill="1" applyAlignment="1">
      <alignment vertical="center"/>
    </xf>
    <xf numFmtId="0" fontId="14" fillId="0" borderId="0" xfId="4" applyFont="1" applyFill="1" applyAlignment="1">
      <alignment vertical="center"/>
    </xf>
    <xf numFmtId="0" fontId="12" fillId="0" borderId="0" xfId="4" applyFont="1" applyFill="1" applyAlignment="1">
      <alignment vertical="center"/>
    </xf>
    <xf numFmtId="0" fontId="10" fillId="2" borderId="0" xfId="4" applyFont="1" applyFill="1" applyBorder="1" applyAlignment="1">
      <alignment vertical="center"/>
    </xf>
    <xf numFmtId="0" fontId="10" fillId="2" borderId="0" xfId="4" applyFont="1" applyFill="1" applyAlignment="1">
      <alignment horizontal="center" vertical="center"/>
    </xf>
    <xf numFmtId="0" fontId="10" fillId="2" borderId="0" xfId="4" applyFont="1" applyFill="1" applyAlignment="1">
      <alignment horizontal="left" vertical="center"/>
    </xf>
    <xf numFmtId="0" fontId="10" fillId="2" borderId="0" xfId="4" applyFont="1" applyFill="1" applyAlignment="1">
      <alignment vertical="center"/>
    </xf>
    <xf numFmtId="0" fontId="8" fillId="2" borderId="0" xfId="4" applyFont="1" applyFill="1"/>
    <xf numFmtId="0" fontId="10" fillId="2" borderId="0" xfId="4" applyFont="1" applyFill="1" applyBorder="1"/>
    <xf numFmtId="0" fontId="10" fillId="2" borderId="0" xfId="4" applyFont="1" applyFill="1"/>
    <xf numFmtId="0" fontId="10" fillId="2" borderId="0" xfId="4" applyFont="1" applyFill="1" applyAlignment="1"/>
    <xf numFmtId="0" fontId="12" fillId="2" borderId="0" xfId="4" applyFont="1" applyFill="1" applyAlignment="1">
      <alignment vertical="center"/>
    </xf>
    <xf numFmtId="0" fontId="11" fillId="2" borderId="0" xfId="4" applyFont="1" applyFill="1" applyBorder="1" applyAlignment="1"/>
    <xf numFmtId="2" fontId="10" fillId="2" borderId="0" xfId="4" applyNumberFormat="1" applyFont="1" applyFill="1" applyAlignment="1">
      <alignment horizontal="center" vertical="center"/>
    </xf>
    <xf numFmtId="0" fontId="18" fillId="2" borderId="0" xfId="4" applyFont="1" applyFill="1"/>
    <xf numFmtId="0" fontId="17" fillId="2" borderId="0" xfId="4" applyFont="1" applyFill="1"/>
    <xf numFmtId="0" fontId="9" fillId="2" borderId="0" xfId="4" applyFont="1" applyFill="1" applyAlignment="1">
      <alignment horizontal="center"/>
    </xf>
    <xf numFmtId="0" fontId="9" fillId="2" borderId="0" xfId="4" applyFont="1" applyFill="1" applyAlignment="1">
      <alignment horizontal="center" vertical="center"/>
    </xf>
    <xf numFmtId="0" fontId="10" fillId="0" borderId="0" xfId="6" applyFont="1" applyFill="1" applyAlignment="1">
      <alignment vertical="center"/>
    </xf>
    <xf numFmtId="0" fontId="17" fillId="0" borderId="0" xfId="4" applyFont="1" applyFill="1" applyAlignment="1">
      <alignment horizontal="right" vertical="center"/>
    </xf>
    <xf numFmtId="176" fontId="17" fillId="0" borderId="0" xfId="4" applyNumberFormat="1" applyFont="1" applyFill="1" applyAlignment="1">
      <alignment horizontal="right" vertical="center"/>
    </xf>
    <xf numFmtId="0" fontId="19" fillId="0" borderId="0" xfId="4" applyFont="1" applyFill="1"/>
    <xf numFmtId="0" fontId="18" fillId="0" borderId="0" xfId="4" applyFont="1" applyFill="1"/>
    <xf numFmtId="0" fontId="8" fillId="0" borderId="0" xfId="4" applyFont="1" applyFill="1" applyBorder="1"/>
    <xf numFmtId="0" fontId="10" fillId="0" borderId="0" xfId="4" applyFont="1" applyFill="1" applyBorder="1" applyAlignment="1">
      <alignment horizontal="right"/>
    </xf>
    <xf numFmtId="0" fontId="8" fillId="0" borderId="0" xfId="4" applyFont="1" applyFill="1" applyAlignment="1">
      <alignment horizontal="right" vertical="center"/>
    </xf>
    <xf numFmtId="0" fontId="8" fillId="0" borderId="0" xfId="4" applyFont="1" applyFill="1" applyBorder="1" applyAlignment="1">
      <alignment horizontal="right" vertical="center"/>
    </xf>
    <xf numFmtId="0" fontId="10" fillId="0" borderId="0" xfId="4" applyFont="1" applyFill="1" applyAlignment="1">
      <alignment horizontal="center" vertical="center" shrinkToFit="1"/>
    </xf>
    <xf numFmtId="0" fontId="20" fillId="2" borderId="0" xfId="4" applyFont="1" applyFill="1" applyAlignment="1">
      <alignment horizontal="center"/>
    </xf>
    <xf numFmtId="0" fontId="8" fillId="2" borderId="0" xfId="4" applyFont="1" applyFill="1" applyBorder="1"/>
    <xf numFmtId="0" fontId="10" fillId="0" borderId="0" xfId="4" applyFont="1" applyFill="1" applyBorder="1" applyAlignment="1">
      <alignment horizontal="center" vertical="center" wrapText="1"/>
    </xf>
    <xf numFmtId="180" fontId="8" fillId="2" borderId="0" xfId="4" applyNumberFormat="1" applyFont="1" applyFill="1" applyBorder="1"/>
    <xf numFmtId="180" fontId="10" fillId="2" borderId="0" xfId="4" applyNumberFormat="1" applyFont="1" applyFill="1" applyBorder="1"/>
    <xf numFmtId="0" fontId="9" fillId="2" borderId="0" xfId="4" applyFont="1" applyFill="1" applyAlignment="1">
      <alignment horizontal="center" vertical="center"/>
    </xf>
    <xf numFmtId="0" fontId="15" fillId="2" borderId="0" xfId="4" applyFont="1" applyFill="1" applyAlignment="1">
      <alignment horizontal="left" vertical="center"/>
    </xf>
    <xf numFmtId="0" fontId="20" fillId="2" borderId="0" xfId="4" applyFont="1" applyFill="1" applyAlignment="1">
      <alignment horizontal="right"/>
    </xf>
    <xf numFmtId="0" fontId="13" fillId="2" borderId="0" xfId="4" applyFont="1" applyFill="1" applyAlignment="1">
      <alignment horizontal="left" vertical="center"/>
    </xf>
    <xf numFmtId="0" fontId="21" fillId="2" borderId="0" xfId="4" applyFont="1" applyFill="1" applyAlignment="1">
      <alignment horizontal="left" vertical="center"/>
    </xf>
    <xf numFmtId="0" fontId="9" fillId="2" borderId="0" xfId="4" applyFont="1" applyFill="1" applyAlignment="1">
      <alignment horizontal="right" vertical="center"/>
    </xf>
    <xf numFmtId="0" fontId="9" fillId="2" borderId="3" xfId="4" applyFont="1" applyFill="1" applyBorder="1" applyAlignment="1">
      <alignment horizontal="center" vertical="center"/>
    </xf>
    <xf numFmtId="0" fontId="9" fillId="2" borderId="71" xfId="4" applyFont="1" applyFill="1" applyBorder="1" applyAlignment="1">
      <alignment horizontal="center" vertical="center"/>
    </xf>
    <xf numFmtId="0" fontId="9" fillId="2" borderId="82" xfId="4" applyFont="1" applyFill="1" applyBorder="1" applyAlignment="1">
      <alignment horizontal="center" vertical="center"/>
    </xf>
    <xf numFmtId="0" fontId="9" fillId="2" borderId="13" xfId="4" applyFont="1" applyFill="1" applyBorder="1" applyAlignment="1">
      <alignment horizontal="center" vertical="center"/>
    </xf>
    <xf numFmtId="0" fontId="9" fillId="2" borderId="15" xfId="4" applyFont="1" applyFill="1" applyBorder="1" applyAlignment="1">
      <alignment horizontal="right" vertical="center"/>
    </xf>
    <xf numFmtId="0" fontId="9" fillId="2" borderId="61" xfId="4" applyFont="1" applyFill="1" applyBorder="1" applyAlignment="1">
      <alignment horizontal="right" vertical="center"/>
    </xf>
    <xf numFmtId="0" fontId="9" fillId="2" borderId="83" xfId="4" applyFont="1" applyFill="1" applyBorder="1" applyAlignment="1">
      <alignment horizontal="right" vertical="center"/>
    </xf>
    <xf numFmtId="176" fontId="9" fillId="2" borderId="3" xfId="4" applyNumberFormat="1" applyFont="1" applyFill="1" applyBorder="1" applyAlignment="1">
      <alignment horizontal="right" vertical="center"/>
    </xf>
    <xf numFmtId="176" fontId="9" fillId="2" borderId="71" xfId="4" applyNumberFormat="1" applyFont="1" applyFill="1" applyBorder="1" applyAlignment="1">
      <alignment horizontal="right" vertical="center"/>
    </xf>
    <xf numFmtId="182" fontId="9" fillId="2" borderId="82" xfId="4" applyNumberFormat="1" applyFont="1" applyFill="1" applyBorder="1" applyAlignment="1">
      <alignment horizontal="right" vertical="center"/>
    </xf>
    <xf numFmtId="176" fontId="9" fillId="2" borderId="1" xfId="4" applyNumberFormat="1" applyFont="1" applyFill="1" applyBorder="1" applyAlignment="1">
      <alignment horizontal="right" vertical="center"/>
    </xf>
    <xf numFmtId="0" fontId="9" fillId="2" borderId="1" xfId="4" applyFont="1" applyFill="1" applyBorder="1" applyAlignment="1">
      <alignment horizontal="center" vertical="center"/>
    </xf>
    <xf numFmtId="176" fontId="9" fillId="2" borderId="10" xfId="4" applyNumberFormat="1" applyFont="1" applyFill="1" applyBorder="1" applyAlignment="1">
      <alignment horizontal="right" vertical="center"/>
    </xf>
    <xf numFmtId="176" fontId="9" fillId="2" borderId="5" xfId="4" applyNumberFormat="1" applyFont="1" applyFill="1" applyBorder="1" applyAlignment="1">
      <alignment horizontal="right" vertical="center"/>
    </xf>
    <xf numFmtId="182" fontId="9" fillId="2" borderId="29" xfId="4" applyNumberFormat="1" applyFont="1" applyFill="1" applyBorder="1" applyAlignment="1">
      <alignment horizontal="right" vertical="center"/>
    </xf>
    <xf numFmtId="0" fontId="9" fillId="2" borderId="22" xfId="4" applyFont="1" applyFill="1" applyBorder="1" applyAlignment="1">
      <alignment horizontal="center" vertical="center"/>
    </xf>
    <xf numFmtId="176" fontId="9" fillId="2" borderId="42" xfId="4" applyNumberFormat="1" applyFont="1" applyFill="1" applyBorder="1" applyAlignment="1">
      <alignment horizontal="right" vertical="center"/>
    </xf>
    <xf numFmtId="176" fontId="9" fillId="2" borderId="50" xfId="4" applyNumberFormat="1" applyFont="1" applyFill="1" applyBorder="1" applyAlignment="1">
      <alignment horizontal="right" vertical="center"/>
    </xf>
    <xf numFmtId="182" fontId="9" fillId="2" borderId="34" xfId="4" applyNumberFormat="1" applyFont="1" applyFill="1" applyBorder="1" applyAlignment="1">
      <alignment horizontal="right" vertical="center"/>
    </xf>
    <xf numFmtId="176" fontId="9" fillId="2" borderId="13" xfId="4" applyNumberFormat="1" applyFont="1" applyFill="1" applyBorder="1" applyAlignment="1">
      <alignment horizontal="right" vertical="center"/>
    </xf>
    <xf numFmtId="176" fontId="9" fillId="2" borderId="16" xfId="4" applyNumberFormat="1" applyFont="1" applyFill="1" applyBorder="1" applyAlignment="1">
      <alignment horizontal="right" vertical="center"/>
    </xf>
    <xf numFmtId="176" fontId="9" fillId="2" borderId="39" xfId="4" applyNumberFormat="1" applyFont="1" applyFill="1" applyBorder="1" applyAlignment="1">
      <alignment horizontal="right" vertical="center"/>
    </xf>
    <xf numFmtId="182" fontId="9" fillId="2" borderId="30" xfId="4" applyNumberFormat="1" applyFont="1" applyFill="1" applyBorder="1" applyAlignment="1">
      <alignment horizontal="right" vertical="center"/>
    </xf>
    <xf numFmtId="176" fontId="9" fillId="2" borderId="21" xfId="4" applyNumberFormat="1" applyFont="1" applyFill="1" applyBorder="1" applyAlignment="1">
      <alignment horizontal="right" vertical="center"/>
    </xf>
    <xf numFmtId="0" fontId="9" fillId="2" borderId="14" xfId="4" applyFont="1" applyFill="1" applyBorder="1" applyAlignment="1">
      <alignment horizontal="center" vertical="center"/>
    </xf>
    <xf numFmtId="176" fontId="9" fillId="2" borderId="70" xfId="4" applyNumberFormat="1" applyFont="1" applyFill="1" applyBorder="1" applyAlignment="1">
      <alignment horizontal="right" vertical="center"/>
    </xf>
    <xf numFmtId="176" fontId="9" fillId="2" borderId="62" xfId="4" applyNumberFormat="1" applyFont="1" applyFill="1" applyBorder="1" applyAlignment="1">
      <alignment horizontal="right" vertical="center"/>
    </xf>
    <xf numFmtId="182" fontId="9" fillId="2" borderId="65" xfId="4" applyNumberFormat="1" applyFont="1" applyFill="1" applyBorder="1" applyAlignment="1">
      <alignment horizontal="right" vertical="center"/>
    </xf>
    <xf numFmtId="176" fontId="9" fillId="2" borderId="15" xfId="4" applyNumberFormat="1" applyFont="1" applyFill="1" applyBorder="1" applyAlignment="1">
      <alignment horizontal="right" vertical="center"/>
    </xf>
    <xf numFmtId="176" fontId="9" fillId="2" borderId="2" xfId="4" applyNumberFormat="1" applyFont="1" applyFill="1" applyBorder="1" applyAlignment="1">
      <alignment horizontal="right" vertical="center"/>
    </xf>
    <xf numFmtId="0" fontId="9" fillId="2" borderId="21" xfId="4" applyFont="1" applyFill="1" applyBorder="1" applyAlignment="1">
      <alignment horizontal="center" vertical="center"/>
    </xf>
    <xf numFmtId="0" fontId="9" fillId="2" borderId="23" xfId="4" applyFont="1" applyFill="1" applyBorder="1" applyAlignment="1">
      <alignment horizontal="center" vertical="center"/>
    </xf>
    <xf numFmtId="176" fontId="9" fillId="2" borderId="52" xfId="4" applyNumberFormat="1" applyFont="1" applyFill="1" applyBorder="1" applyAlignment="1">
      <alignment horizontal="right" vertical="center"/>
    </xf>
    <xf numFmtId="182" fontId="9" fillId="2" borderId="35" xfId="4" applyNumberFormat="1" applyFont="1" applyFill="1" applyBorder="1" applyAlignment="1">
      <alignment horizontal="right" vertical="center"/>
    </xf>
    <xf numFmtId="0" fontId="9" fillId="2" borderId="79" xfId="4" applyFont="1" applyFill="1" applyBorder="1" applyAlignment="1">
      <alignment horizontal="center" vertical="center"/>
    </xf>
    <xf numFmtId="176" fontId="9" fillId="2" borderId="79" xfId="4" applyNumberFormat="1" applyFont="1" applyFill="1" applyBorder="1" applyAlignment="1">
      <alignment horizontal="right" vertical="center"/>
    </xf>
    <xf numFmtId="176" fontId="9" fillId="2" borderId="88" xfId="4" applyNumberFormat="1" applyFont="1" applyFill="1" applyBorder="1" applyAlignment="1">
      <alignment horizontal="right" vertical="center"/>
    </xf>
    <xf numFmtId="182" fontId="9" fillId="2" borderId="80" xfId="4" applyNumberFormat="1" applyFont="1" applyFill="1" applyBorder="1" applyAlignment="1">
      <alignment horizontal="right" vertical="center"/>
    </xf>
    <xf numFmtId="0" fontId="16" fillId="2" borderId="78" xfId="4" applyFont="1" applyFill="1" applyBorder="1" applyAlignment="1">
      <alignment horizontal="center" vertical="center"/>
    </xf>
    <xf numFmtId="183" fontId="16" fillId="2" borderId="77" xfId="4" applyNumberFormat="1" applyFont="1" applyFill="1" applyBorder="1" applyAlignment="1">
      <alignment horizontal="right" vertical="center"/>
    </xf>
    <xf numFmtId="182" fontId="16" fillId="2" borderId="76" xfId="4" applyNumberFormat="1" applyFont="1" applyFill="1" applyBorder="1" applyAlignment="1">
      <alignment horizontal="right" vertical="center"/>
    </xf>
    <xf numFmtId="176" fontId="16" fillId="2" borderId="15" xfId="4" applyNumberFormat="1" applyFont="1" applyFill="1" applyBorder="1" applyAlignment="1">
      <alignment horizontal="right" vertical="center"/>
    </xf>
    <xf numFmtId="0" fontId="9" fillId="2" borderId="72" xfId="4" applyFont="1" applyFill="1" applyBorder="1" applyAlignment="1">
      <alignment horizontal="center" vertical="center"/>
    </xf>
    <xf numFmtId="183" fontId="9" fillId="2" borderId="75" xfId="4" applyNumberFormat="1" applyFont="1" applyFill="1" applyBorder="1" applyAlignment="1">
      <alignment horizontal="right" vertical="center"/>
    </xf>
    <xf numFmtId="176" fontId="9" fillId="2" borderId="74" xfId="4" applyNumberFormat="1" applyFont="1" applyFill="1" applyBorder="1" applyAlignment="1">
      <alignment horizontal="right" vertical="center"/>
    </xf>
    <xf numFmtId="182" fontId="9" fillId="2" borderId="73" xfId="4" applyNumberFormat="1" applyFont="1" applyFill="1" applyBorder="1" applyAlignment="1">
      <alignment horizontal="right" vertical="center"/>
    </xf>
    <xf numFmtId="176" fontId="9" fillId="2" borderId="72" xfId="4" applyNumberFormat="1" applyFont="1" applyFill="1" applyBorder="1" applyAlignment="1">
      <alignment horizontal="right" vertical="center"/>
    </xf>
    <xf numFmtId="0" fontId="9" fillId="2" borderId="0" xfId="4" applyFont="1" applyFill="1" applyAlignment="1">
      <alignment horizontal="left" vertical="center"/>
    </xf>
    <xf numFmtId="0" fontId="9" fillId="2" borderId="0" xfId="4" applyFont="1" applyFill="1" applyAlignment="1">
      <alignment vertical="center"/>
    </xf>
    <xf numFmtId="0" fontId="25" fillId="2" borderId="0" xfId="4" applyFont="1" applyFill="1" applyAlignment="1">
      <alignment vertical="center"/>
    </xf>
    <xf numFmtId="0" fontId="25" fillId="2" borderId="0" xfId="4" applyFont="1" applyFill="1" applyAlignment="1">
      <alignment horizontal="center" vertical="center"/>
    </xf>
    <xf numFmtId="0" fontId="26" fillId="2" borderId="0" xfId="4" applyFont="1" applyFill="1" applyAlignment="1">
      <alignment vertical="center"/>
    </xf>
    <xf numFmtId="0" fontId="24" fillId="2" borderId="0" xfId="4" applyFont="1" applyFill="1" applyAlignment="1">
      <alignment horizontal="right" vertical="center"/>
    </xf>
    <xf numFmtId="0" fontId="25" fillId="2" borderId="0" xfId="4" applyFont="1" applyFill="1"/>
    <xf numFmtId="0" fontId="27" fillId="2" borderId="13" xfId="6" applyFont="1" applyFill="1" applyBorder="1" applyAlignment="1">
      <alignment horizontal="right"/>
    </xf>
    <xf numFmtId="0" fontId="27" fillId="2" borderId="71" xfId="6" applyFont="1" applyFill="1" applyBorder="1" applyAlignment="1">
      <alignment horizontal="right"/>
    </xf>
    <xf numFmtId="0" fontId="27" fillId="2" borderId="31" xfId="6" applyFont="1" applyFill="1" applyBorder="1" applyAlignment="1">
      <alignment horizontal="right"/>
    </xf>
    <xf numFmtId="0" fontId="27" fillId="2" borderId="82" xfId="6" applyFont="1" applyFill="1" applyBorder="1" applyAlignment="1">
      <alignment horizontal="right"/>
    </xf>
    <xf numFmtId="176" fontId="24" fillId="2" borderId="15" xfId="6" applyNumberFormat="1" applyFont="1" applyFill="1" applyBorder="1">
      <alignment vertical="center"/>
    </xf>
    <xf numFmtId="176" fontId="24" fillId="2" borderId="61" xfId="6" applyNumberFormat="1" applyFont="1" applyFill="1" applyBorder="1">
      <alignment vertical="center"/>
    </xf>
    <xf numFmtId="176" fontId="24" fillId="2" borderId="25" xfId="6" applyNumberFormat="1" applyFont="1" applyFill="1" applyBorder="1">
      <alignment vertical="center"/>
    </xf>
    <xf numFmtId="176" fontId="24" fillId="2" borderId="83" xfId="6" applyNumberFormat="1" applyFont="1" applyFill="1" applyBorder="1">
      <alignment vertical="center"/>
    </xf>
    <xf numFmtId="178" fontId="25" fillId="2" borderId="61" xfId="4" applyNumberFormat="1" applyFont="1" applyFill="1" applyBorder="1" applyAlignment="1">
      <alignment vertical="center"/>
    </xf>
    <xf numFmtId="178" fontId="25" fillId="2" borderId="25" xfId="4" applyNumberFormat="1" applyFont="1" applyFill="1" applyBorder="1" applyAlignment="1">
      <alignment vertical="center"/>
    </xf>
    <xf numFmtId="178" fontId="25" fillId="2" borderId="83" xfId="4" applyNumberFormat="1" applyFont="1" applyFill="1" applyBorder="1" applyAlignment="1">
      <alignment vertical="center"/>
    </xf>
    <xf numFmtId="176" fontId="24" fillId="2" borderId="5" xfId="6" applyNumberFormat="1" applyFont="1" applyFill="1" applyBorder="1">
      <alignment vertical="center"/>
    </xf>
    <xf numFmtId="176" fontId="24" fillId="2" borderId="6" xfId="6" applyNumberFormat="1" applyFont="1" applyFill="1" applyBorder="1">
      <alignment vertical="center"/>
    </xf>
    <xf numFmtId="176" fontId="24" fillId="2" borderId="29" xfId="6" applyNumberFormat="1" applyFont="1" applyFill="1" applyBorder="1">
      <alignment vertical="center"/>
    </xf>
    <xf numFmtId="178" fontId="25" fillId="2" borderId="60" xfId="4" applyNumberFormat="1" applyFont="1" applyFill="1" applyBorder="1" applyAlignment="1">
      <alignment vertical="center"/>
    </xf>
    <xf numFmtId="178" fontId="25" fillId="2" borderId="28" xfId="4" applyNumberFormat="1" applyFont="1" applyFill="1" applyBorder="1" applyAlignment="1">
      <alignment vertical="center"/>
    </xf>
    <xf numFmtId="178" fontId="25" fillId="2" borderId="59" xfId="4" applyNumberFormat="1" applyFont="1" applyFill="1" applyBorder="1" applyAlignment="1">
      <alignment vertical="center"/>
    </xf>
    <xf numFmtId="176" fontId="24" fillId="2" borderId="14" xfId="6" applyNumberFormat="1" applyFont="1" applyFill="1" applyBorder="1">
      <alignment vertical="center"/>
    </xf>
    <xf numFmtId="176" fontId="24" fillId="2" borderId="71" xfId="6" applyNumberFormat="1" applyFont="1" applyFill="1" applyBorder="1">
      <alignment vertical="center"/>
    </xf>
    <xf numFmtId="176" fontId="24" fillId="2" borderId="31" xfId="6" applyNumberFormat="1" applyFont="1" applyFill="1" applyBorder="1">
      <alignment vertical="center"/>
    </xf>
    <xf numFmtId="176" fontId="24" fillId="2" borderId="82" xfId="6" applyNumberFormat="1" applyFont="1" applyFill="1" applyBorder="1">
      <alignment vertical="center"/>
    </xf>
    <xf numFmtId="178" fontId="25" fillId="2" borderId="47" xfId="4" applyNumberFormat="1" applyFont="1" applyFill="1" applyBorder="1" applyAlignment="1">
      <alignment vertical="center"/>
    </xf>
    <xf numFmtId="178" fontId="25" fillId="2" borderId="145" xfId="4" applyNumberFormat="1" applyFont="1" applyFill="1" applyBorder="1" applyAlignment="1">
      <alignment vertical="center"/>
    </xf>
    <xf numFmtId="178" fontId="25" fillId="2" borderId="58" xfId="4" applyNumberFormat="1" applyFont="1" applyFill="1" applyBorder="1" applyAlignment="1">
      <alignment vertical="center"/>
    </xf>
    <xf numFmtId="176" fontId="24" fillId="2" borderId="21" xfId="6" applyNumberFormat="1" applyFont="1" applyFill="1" applyBorder="1">
      <alignment vertical="center"/>
    </xf>
    <xf numFmtId="176" fontId="24" fillId="2" borderId="39" xfId="6" applyNumberFormat="1" applyFont="1" applyFill="1" applyBorder="1">
      <alignment vertical="center"/>
    </xf>
    <xf numFmtId="176" fontId="24" fillId="2" borderId="18" xfId="6" applyNumberFormat="1" applyFont="1" applyFill="1" applyBorder="1">
      <alignment vertical="center"/>
    </xf>
    <xf numFmtId="176" fontId="24" fillId="2" borderId="30" xfId="6" applyNumberFormat="1" applyFont="1" applyFill="1" applyBorder="1">
      <alignment vertical="center"/>
    </xf>
    <xf numFmtId="178" fontId="25" fillId="2" borderId="39" xfId="4" applyNumberFormat="1" applyFont="1" applyFill="1" applyBorder="1" applyAlignment="1">
      <alignment vertical="center"/>
    </xf>
    <xf numFmtId="178" fontId="25" fillId="2" borderId="18" xfId="4" applyNumberFormat="1" applyFont="1" applyFill="1" applyBorder="1" applyAlignment="1">
      <alignment vertical="center"/>
    </xf>
    <xf numFmtId="178" fontId="25" fillId="2" borderId="30" xfId="4" applyNumberFormat="1" applyFont="1" applyFill="1" applyBorder="1" applyAlignment="1">
      <alignment vertical="center"/>
    </xf>
    <xf numFmtId="178" fontId="25" fillId="2" borderId="62" xfId="4" applyNumberFormat="1" applyFont="1" applyFill="1" applyBorder="1" applyAlignment="1">
      <alignment vertical="center"/>
    </xf>
    <xf numFmtId="178" fontId="25" fillId="2" borderId="64" xfId="4" applyNumberFormat="1" applyFont="1" applyFill="1" applyBorder="1" applyAlignment="1">
      <alignment vertical="center"/>
    </xf>
    <xf numFmtId="178" fontId="25" fillId="2" borderId="65" xfId="4" applyNumberFormat="1" applyFont="1" applyFill="1" applyBorder="1" applyAlignment="1">
      <alignment vertical="center"/>
    </xf>
    <xf numFmtId="176" fontId="24" fillId="2" borderId="1" xfId="6" applyNumberFormat="1" applyFont="1" applyFill="1" applyBorder="1">
      <alignment vertical="center"/>
    </xf>
    <xf numFmtId="178" fontId="25" fillId="2" borderId="5" xfId="4" applyNumberFormat="1" applyFont="1" applyFill="1" applyBorder="1" applyAlignment="1">
      <alignment vertical="center"/>
    </xf>
    <xf numFmtId="178" fontId="25" fillId="2" borderId="6" xfId="4" applyNumberFormat="1" applyFont="1" applyFill="1" applyBorder="1" applyAlignment="1">
      <alignment vertical="center"/>
    </xf>
    <xf numFmtId="178" fontId="25" fillId="2" borderId="29" xfId="4" applyNumberFormat="1" applyFont="1" applyFill="1" applyBorder="1" applyAlignment="1">
      <alignment vertical="center"/>
    </xf>
    <xf numFmtId="176" fontId="24" fillId="2" borderId="79" xfId="6" applyNumberFormat="1" applyFont="1" applyFill="1" applyBorder="1">
      <alignment vertical="center"/>
    </xf>
    <xf numFmtId="176" fontId="24" fillId="2" borderId="81" xfId="6" applyNumberFormat="1" applyFont="1" applyFill="1" applyBorder="1">
      <alignment vertical="center"/>
    </xf>
    <xf numFmtId="176" fontId="24" fillId="2" borderId="86" xfId="6" applyNumberFormat="1" applyFont="1" applyFill="1" applyBorder="1">
      <alignment vertical="center"/>
    </xf>
    <xf numFmtId="176" fontId="24" fillId="2" borderId="80" xfId="6" applyNumberFormat="1" applyFont="1" applyFill="1" applyBorder="1">
      <alignment vertical="center"/>
    </xf>
    <xf numFmtId="178" fontId="25" fillId="2" borderId="81" xfId="4" applyNumberFormat="1" applyFont="1" applyFill="1" applyBorder="1" applyAlignment="1">
      <alignment vertical="center"/>
    </xf>
    <xf numFmtId="178" fontId="25" fillId="2" borderId="86" xfId="4" applyNumberFormat="1" applyFont="1" applyFill="1" applyBorder="1" applyAlignment="1">
      <alignment vertical="center"/>
    </xf>
    <xf numFmtId="178" fontId="25" fillId="2" borderId="80" xfId="4" applyNumberFormat="1" applyFont="1" applyFill="1" applyBorder="1" applyAlignment="1">
      <alignment vertical="center"/>
    </xf>
    <xf numFmtId="176" fontId="28" fillId="2" borderId="78" xfId="6" applyNumberFormat="1" applyFont="1" applyFill="1" applyBorder="1">
      <alignment vertical="center"/>
    </xf>
    <xf numFmtId="176" fontId="28" fillId="2" borderId="85" xfId="6" applyNumberFormat="1" applyFont="1" applyFill="1" applyBorder="1">
      <alignment vertical="center"/>
    </xf>
    <xf numFmtId="176" fontId="28" fillId="2" borderId="84" xfId="6" applyNumberFormat="1" applyFont="1" applyFill="1" applyBorder="1">
      <alignment vertical="center"/>
    </xf>
    <xf numFmtId="176" fontId="28" fillId="2" borderId="76" xfId="6" applyNumberFormat="1" applyFont="1" applyFill="1" applyBorder="1">
      <alignment vertical="center"/>
    </xf>
    <xf numFmtId="176" fontId="24" fillId="2" borderId="15" xfId="7" applyNumberFormat="1" applyFont="1" applyFill="1" applyBorder="1" applyAlignment="1">
      <alignment vertical="center"/>
    </xf>
    <xf numFmtId="176" fontId="24" fillId="2" borderId="61" xfId="7" applyNumberFormat="1" applyFont="1" applyFill="1" applyBorder="1" applyAlignment="1">
      <alignment vertical="center"/>
    </xf>
    <xf numFmtId="176" fontId="24" fillId="2" borderId="25" xfId="7" applyNumberFormat="1" applyFont="1" applyFill="1" applyBorder="1" applyAlignment="1">
      <alignment vertical="center"/>
    </xf>
    <xf numFmtId="176" fontId="24" fillId="2" borderId="83" xfId="7" applyNumberFormat="1" applyFont="1" applyFill="1" applyBorder="1" applyAlignment="1">
      <alignment vertical="center"/>
    </xf>
    <xf numFmtId="178" fontId="25" fillId="2" borderId="74" xfId="4" applyNumberFormat="1" applyFont="1" applyFill="1" applyBorder="1" applyAlignment="1">
      <alignment vertical="center"/>
    </xf>
    <xf numFmtId="178" fontId="25" fillId="2" borderId="146" xfId="4" applyNumberFormat="1" applyFont="1" applyFill="1" applyBorder="1" applyAlignment="1">
      <alignment vertical="center"/>
    </xf>
    <xf numFmtId="178" fontId="25" fillId="2" borderId="73" xfId="4" applyNumberFormat="1" applyFont="1" applyFill="1" applyBorder="1" applyAlignment="1">
      <alignment vertical="center"/>
    </xf>
    <xf numFmtId="0" fontId="25" fillId="2" borderId="0" xfId="6" applyFont="1" applyFill="1">
      <alignment vertical="center"/>
    </xf>
    <xf numFmtId="0" fontId="25" fillId="2" borderId="0" xfId="6" applyFont="1" applyFill="1" applyAlignment="1">
      <alignment horizontal="right" vertical="center"/>
    </xf>
    <xf numFmtId="0" fontId="24" fillId="2" borderId="0" xfId="6" applyFont="1" applyFill="1" applyAlignment="1">
      <alignment horizontal="right" vertical="center"/>
    </xf>
    <xf numFmtId="0" fontId="24" fillId="2" borderId="0" xfId="4" applyFont="1" applyFill="1" applyAlignment="1">
      <alignment vertical="center"/>
    </xf>
    <xf numFmtId="0" fontId="29" fillId="2" borderId="0" xfId="4" applyFont="1" applyFill="1"/>
    <xf numFmtId="0" fontId="29" fillId="2" borderId="0" xfId="4" applyFont="1" applyFill="1" applyBorder="1"/>
    <xf numFmtId="0" fontId="30" fillId="2" borderId="0" xfId="4" applyFont="1" applyFill="1" applyAlignment="1">
      <alignment horizontal="left" vertical="center"/>
    </xf>
    <xf numFmtId="0" fontId="25" fillId="2" borderId="0" xfId="4" applyFont="1" applyFill="1" applyBorder="1"/>
    <xf numFmtId="0" fontId="25" fillId="2" borderId="0" xfId="4" applyFont="1" applyFill="1" applyAlignment="1"/>
    <xf numFmtId="0" fontId="25" fillId="2" borderId="0" xfId="4" applyFont="1" applyFill="1" applyBorder="1" applyAlignment="1"/>
    <xf numFmtId="0" fontId="25" fillId="2" borderId="0" xfId="4" applyFont="1" applyFill="1" applyBorder="1" applyAlignment="1">
      <alignment horizontal="right"/>
    </xf>
    <xf numFmtId="0" fontId="25" fillId="2" borderId="10" xfId="4" applyFont="1" applyFill="1" applyBorder="1" applyAlignment="1">
      <alignment horizontal="center" vertical="center"/>
    </xf>
    <xf numFmtId="184" fontId="25" fillId="2" borderId="4" xfId="4" applyNumberFormat="1" applyFont="1" applyFill="1" applyBorder="1" applyAlignment="1">
      <alignment horizontal="right" vertical="center"/>
    </xf>
    <xf numFmtId="184" fontId="25" fillId="2" borderId="67" xfId="4" applyNumberFormat="1" applyFont="1" applyFill="1" applyBorder="1" applyAlignment="1">
      <alignment horizontal="right" vertical="center"/>
    </xf>
    <xf numFmtId="0" fontId="29" fillId="2" borderId="4" xfId="4" applyFont="1" applyFill="1" applyBorder="1"/>
    <xf numFmtId="0" fontId="29" fillId="2" borderId="11" xfId="4" applyFont="1" applyFill="1" applyBorder="1"/>
    <xf numFmtId="0" fontId="27" fillId="2" borderId="65" xfId="4" applyFont="1" applyFill="1" applyBorder="1" applyAlignment="1">
      <alignment horizontal="center" vertical="center"/>
    </xf>
    <xf numFmtId="184" fontId="25" fillId="2" borderId="56" xfId="4" applyNumberFormat="1" applyFont="1" applyFill="1" applyBorder="1" applyAlignment="1">
      <alignment horizontal="right" vertical="center"/>
    </xf>
    <xf numFmtId="184" fontId="25" fillId="2" borderId="69" xfId="4" applyNumberFormat="1" applyFont="1" applyFill="1" applyBorder="1" applyAlignment="1">
      <alignment horizontal="right" vertical="center"/>
    </xf>
    <xf numFmtId="0" fontId="29" fillId="2" borderId="56" xfId="4" applyFont="1" applyFill="1" applyBorder="1"/>
    <xf numFmtId="0" fontId="29" fillId="2" borderId="57" xfId="4" applyFont="1" applyFill="1" applyBorder="1"/>
    <xf numFmtId="0" fontId="27" fillId="2" borderId="30" xfId="4" applyFont="1" applyFill="1" applyBorder="1" applyAlignment="1">
      <alignment horizontal="center" vertical="center"/>
    </xf>
    <xf numFmtId="184" fontId="25" fillId="2" borderId="26" xfId="4" applyNumberFormat="1" applyFont="1" applyFill="1" applyBorder="1" applyAlignment="1">
      <alignment horizontal="right" vertical="center"/>
    </xf>
    <xf numFmtId="184" fontId="25" fillId="2" borderId="40" xfId="4" applyNumberFormat="1" applyFont="1" applyFill="1" applyBorder="1" applyAlignment="1">
      <alignment horizontal="right" vertical="center"/>
    </xf>
    <xf numFmtId="0" fontId="29" fillId="2" borderId="26" xfId="4" applyFont="1" applyFill="1" applyBorder="1"/>
    <xf numFmtId="0" fontId="29" fillId="2" borderId="24" xfId="4" applyFont="1" applyFill="1" applyBorder="1"/>
    <xf numFmtId="184" fontId="25" fillId="2" borderId="33" xfId="4" applyNumberFormat="1" applyFont="1" applyFill="1" applyBorder="1" applyAlignment="1">
      <alignment horizontal="right" vertical="center"/>
    </xf>
    <xf numFmtId="184" fontId="25" fillId="2" borderId="68" xfId="4" applyNumberFormat="1" applyFont="1" applyFill="1" applyBorder="1" applyAlignment="1">
      <alignment horizontal="right" vertical="center"/>
    </xf>
    <xf numFmtId="0" fontId="29" fillId="2" borderId="33" xfId="4" applyFont="1" applyFill="1" applyBorder="1"/>
    <xf numFmtId="0" fontId="29" fillId="2" borderId="43" xfId="4" applyFont="1" applyFill="1" applyBorder="1"/>
    <xf numFmtId="180" fontId="25" fillId="2" borderId="118" xfId="4" applyNumberFormat="1" applyFont="1" applyFill="1" applyBorder="1" applyAlignment="1">
      <alignment horizontal="right" vertical="center"/>
    </xf>
    <xf numFmtId="180" fontId="25" fillId="2" borderId="117" xfId="4" applyNumberFormat="1" applyFont="1" applyFill="1" applyBorder="1" applyAlignment="1">
      <alignment horizontal="right" vertical="center"/>
    </xf>
    <xf numFmtId="180" fontId="29" fillId="2" borderId="118" xfId="4" applyNumberFormat="1" applyFont="1" applyFill="1" applyBorder="1"/>
    <xf numFmtId="0" fontId="29" fillId="2" borderId="116" xfId="4" applyFont="1" applyFill="1" applyBorder="1"/>
    <xf numFmtId="184" fontId="25" fillId="2" borderId="112" xfId="4" applyNumberFormat="1" applyFont="1" applyFill="1" applyBorder="1" applyAlignment="1">
      <alignment horizontal="right" vertical="center"/>
    </xf>
    <xf numFmtId="184" fontId="25" fillId="2" borderId="111" xfId="4" applyNumberFormat="1" applyFont="1" applyFill="1" applyBorder="1" applyAlignment="1">
      <alignment horizontal="right" vertical="center"/>
    </xf>
    <xf numFmtId="0" fontId="29" fillId="2" borderId="112" xfId="4" applyFont="1" applyFill="1" applyBorder="1"/>
    <xf numFmtId="0" fontId="29" fillId="2" borderId="110" xfId="4" applyFont="1" applyFill="1" applyBorder="1"/>
    <xf numFmtId="0" fontId="29" fillId="2" borderId="108" xfId="4" applyFont="1" applyFill="1" applyBorder="1"/>
    <xf numFmtId="184" fontId="25" fillId="2" borderId="41" xfId="4" applyNumberFormat="1" applyFont="1" applyFill="1" applyBorder="1" applyAlignment="1">
      <alignment horizontal="right" vertical="center"/>
    </xf>
    <xf numFmtId="180" fontId="25" fillId="2" borderId="103" xfId="4" applyNumberFormat="1" applyFont="1" applyFill="1" applyBorder="1" applyAlignment="1">
      <alignment horizontal="right" vertical="center"/>
    </xf>
    <xf numFmtId="180" fontId="25" fillId="2" borderId="105" xfId="4" applyNumberFormat="1" applyFont="1" applyFill="1" applyBorder="1" applyAlignment="1">
      <alignment horizontal="right" vertical="center"/>
    </xf>
    <xf numFmtId="180" fontId="29" fillId="2" borderId="104" xfId="4" applyNumberFormat="1" applyFont="1" applyFill="1" applyBorder="1"/>
    <xf numFmtId="180" fontId="29" fillId="2" borderId="102" xfId="4" applyNumberFormat="1" applyFont="1" applyFill="1" applyBorder="1"/>
    <xf numFmtId="184" fontId="25" fillId="2" borderId="51" xfId="4" applyNumberFormat="1" applyFont="1" applyFill="1" applyBorder="1" applyAlignment="1">
      <alignment horizontal="right" vertical="center"/>
    </xf>
    <xf numFmtId="0" fontId="25" fillId="2" borderId="33" xfId="4" applyFont="1" applyFill="1" applyBorder="1"/>
    <xf numFmtId="0" fontId="25" fillId="2" borderId="43" xfId="4" applyFont="1" applyFill="1" applyBorder="1"/>
    <xf numFmtId="180" fontId="25" fillId="2" borderId="53" xfId="4" applyNumberFormat="1" applyFont="1" applyFill="1" applyBorder="1" applyAlignment="1">
      <alignment horizontal="right" vertical="center"/>
    </xf>
    <xf numFmtId="180" fontId="25" fillId="2" borderId="54" xfId="4" applyNumberFormat="1" applyFont="1" applyFill="1" applyBorder="1" applyAlignment="1">
      <alignment horizontal="right" vertical="center"/>
    </xf>
    <xf numFmtId="180" fontId="29" fillId="2" borderId="45" xfId="4" applyNumberFormat="1" applyFont="1" applyFill="1" applyBorder="1"/>
    <xf numFmtId="180" fontId="29" fillId="2" borderId="46" xfId="4" applyNumberFormat="1" applyFont="1" applyFill="1" applyBorder="1"/>
    <xf numFmtId="184" fontId="25" fillId="2" borderId="48" xfId="4" applyNumberFormat="1" applyFont="1" applyFill="1" applyBorder="1" applyAlignment="1">
      <alignment horizontal="right" vertical="center"/>
    </xf>
    <xf numFmtId="184" fontId="25" fillId="2" borderId="49" xfId="4" applyNumberFormat="1" applyFont="1" applyFill="1" applyBorder="1" applyAlignment="1">
      <alignment horizontal="right" vertical="center"/>
    </xf>
    <xf numFmtId="0" fontId="29" fillId="2" borderId="37" xfId="4" applyFont="1" applyFill="1" applyBorder="1"/>
    <xf numFmtId="0" fontId="29" fillId="2" borderId="38" xfId="4" applyFont="1" applyFill="1" applyBorder="1"/>
    <xf numFmtId="0" fontId="29" fillId="2" borderId="109" xfId="4" applyFont="1" applyFill="1" applyBorder="1"/>
    <xf numFmtId="184" fontId="25" fillId="2" borderId="105" xfId="4" applyNumberFormat="1" applyFont="1" applyFill="1" applyBorder="1" applyAlignment="1">
      <alignment horizontal="right" vertical="center"/>
    </xf>
    <xf numFmtId="0" fontId="29" fillId="2" borderId="104" xfId="4" applyFont="1" applyFill="1" applyBorder="1"/>
    <xf numFmtId="0" fontId="29" fillId="2" borderId="102" xfId="4" applyFont="1" applyFill="1" applyBorder="1"/>
    <xf numFmtId="0" fontId="25" fillId="2" borderId="26" xfId="4" applyFont="1" applyFill="1" applyBorder="1"/>
    <xf numFmtId="0" fontId="25" fillId="2" borderId="24" xfId="4" applyFont="1" applyFill="1" applyBorder="1"/>
    <xf numFmtId="180" fontId="25" fillId="2" borderId="96" xfId="4" applyNumberFormat="1" applyFont="1" applyFill="1" applyBorder="1" applyAlignment="1">
      <alignment horizontal="right" vertical="center"/>
    </xf>
    <xf numFmtId="180" fontId="25" fillId="2" borderId="98" xfId="4" applyNumberFormat="1" applyFont="1" applyFill="1" applyBorder="1" applyAlignment="1">
      <alignment horizontal="right" vertical="center"/>
    </xf>
    <xf numFmtId="180" fontId="25" fillId="2" borderId="97" xfId="4" applyNumberFormat="1" applyFont="1" applyFill="1" applyBorder="1"/>
    <xf numFmtId="180" fontId="25" fillId="2" borderId="95" xfId="4" applyNumberFormat="1" applyFont="1" applyFill="1" applyBorder="1"/>
    <xf numFmtId="180" fontId="29" fillId="2" borderId="95" xfId="4" applyNumberFormat="1" applyFont="1" applyFill="1" applyBorder="1"/>
    <xf numFmtId="180" fontId="25" fillId="2" borderId="45" xfId="4" applyNumberFormat="1" applyFont="1" applyFill="1" applyBorder="1"/>
    <xf numFmtId="180" fontId="25" fillId="2" borderId="46" xfId="4" applyNumberFormat="1" applyFont="1" applyFill="1" applyBorder="1"/>
    <xf numFmtId="0" fontId="25" fillId="2" borderId="4" xfId="4" applyFont="1" applyFill="1" applyBorder="1" applyAlignment="1"/>
    <xf numFmtId="0" fontId="25" fillId="2" borderId="0" xfId="4" applyFont="1" applyFill="1" applyBorder="1" applyAlignment="1">
      <alignment horizontal="right" vertical="center"/>
    </xf>
    <xf numFmtId="0" fontId="25" fillId="2" borderId="0" xfId="4" applyFont="1" applyFill="1" applyBorder="1" applyAlignment="1">
      <alignment horizontal="left" vertical="center"/>
    </xf>
    <xf numFmtId="0" fontId="25" fillId="2" borderId="0" xfId="4" applyFont="1" applyFill="1" applyAlignment="1">
      <alignment wrapText="1"/>
    </xf>
    <xf numFmtId="0" fontId="29" fillId="2" borderId="0" xfId="4" applyFont="1" applyFill="1" applyAlignment="1">
      <alignment horizontal="right" vertical="center"/>
    </xf>
    <xf numFmtId="0" fontId="29" fillId="2" borderId="0" xfId="4" applyFont="1" applyFill="1" applyBorder="1" applyAlignment="1">
      <alignment horizontal="right" vertical="center"/>
    </xf>
    <xf numFmtId="0" fontId="25" fillId="2" borderId="0" xfId="4" applyFont="1" applyFill="1" applyAlignment="1">
      <alignment horizontal="center" vertical="center" shrinkToFit="1"/>
    </xf>
    <xf numFmtId="0" fontId="25" fillId="2" borderId="0" xfId="4" applyFont="1" applyFill="1" applyAlignment="1">
      <alignment horizontal="left" vertical="center"/>
    </xf>
    <xf numFmtId="0" fontId="22" fillId="2" borderId="0" xfId="4" applyFont="1" applyFill="1" applyBorder="1" applyAlignment="1">
      <alignment horizontal="right" vertical="center"/>
    </xf>
    <xf numFmtId="176" fontId="25" fillId="2" borderId="11" xfId="6" applyNumberFormat="1" applyFont="1" applyFill="1" applyBorder="1" applyAlignment="1">
      <alignment horizontal="right" vertical="center" wrapText="1"/>
    </xf>
    <xf numFmtId="176" fontId="25" fillId="2" borderId="4" xfId="6" applyNumberFormat="1" applyFont="1" applyFill="1" applyBorder="1" applyAlignment="1">
      <alignment horizontal="right" vertical="center"/>
    </xf>
    <xf numFmtId="176" fontId="25" fillId="2" borderId="11" xfId="6" applyNumberFormat="1" applyFont="1" applyFill="1" applyBorder="1" applyAlignment="1">
      <alignment horizontal="left" vertical="center"/>
    </xf>
    <xf numFmtId="0" fontId="25" fillId="2" borderId="9" xfId="4" applyFont="1" applyFill="1" applyBorder="1" applyAlignment="1">
      <alignment horizontal="left" vertical="center"/>
    </xf>
    <xf numFmtId="0" fontId="25" fillId="2" borderId="9" xfId="4" applyFont="1" applyFill="1" applyBorder="1" applyAlignment="1">
      <alignment vertical="center"/>
    </xf>
    <xf numFmtId="0" fontId="25" fillId="2" borderId="8" xfId="6" applyFont="1" applyFill="1" applyBorder="1" applyAlignment="1">
      <alignment horizontal="center" vertical="center"/>
    </xf>
    <xf numFmtId="0" fontId="22" fillId="2" borderId="8" xfId="6" applyFont="1" applyFill="1" applyBorder="1" applyAlignment="1">
      <alignment horizontal="right" vertical="center"/>
    </xf>
    <xf numFmtId="185" fontId="25" fillId="2" borderId="33" xfId="6" applyNumberFormat="1" applyFont="1" applyFill="1" applyBorder="1" applyAlignment="1">
      <alignment horizontal="right" vertical="center" shrinkToFit="1"/>
    </xf>
    <xf numFmtId="176" fontId="22" fillId="2" borderId="17" xfId="6" applyNumberFormat="1" applyFont="1" applyFill="1" applyBorder="1" applyAlignment="1">
      <alignment horizontal="left" vertical="center"/>
    </xf>
    <xf numFmtId="176" fontId="27" fillId="2" borderId="12" xfId="6" applyNumberFormat="1" applyFont="1" applyFill="1" applyBorder="1" applyAlignment="1">
      <alignment horizontal="left" vertical="center"/>
    </xf>
    <xf numFmtId="185" fontId="25" fillId="2" borderId="8" xfId="6" applyNumberFormat="1" applyFont="1" applyFill="1" applyBorder="1" applyAlignment="1">
      <alignment horizontal="right" vertical="center"/>
    </xf>
    <xf numFmtId="176" fontId="22" fillId="2" borderId="8" xfId="6" applyNumberFormat="1" applyFont="1" applyFill="1" applyBorder="1" applyAlignment="1">
      <alignment horizontal="left" vertical="center"/>
    </xf>
    <xf numFmtId="176" fontId="22" fillId="2" borderId="32" xfId="6" applyNumberFormat="1" applyFont="1" applyFill="1" applyBorder="1" applyAlignment="1">
      <alignment horizontal="left" vertical="center" wrapText="1"/>
    </xf>
    <xf numFmtId="176" fontId="22" fillId="2" borderId="8" xfId="6" applyNumberFormat="1" applyFont="1" applyFill="1" applyBorder="1" applyAlignment="1">
      <alignment horizontal="right" vertical="center" wrapText="1"/>
    </xf>
    <xf numFmtId="176" fontId="22" fillId="2" borderId="8" xfId="6" applyNumberFormat="1" applyFont="1" applyFill="1" applyBorder="1" applyAlignment="1">
      <alignment horizontal="left" vertical="center" wrapText="1"/>
    </xf>
    <xf numFmtId="176" fontId="22" fillId="2" borderId="12" xfId="6" applyNumberFormat="1" applyFont="1" applyFill="1" applyBorder="1" applyAlignment="1">
      <alignment horizontal="left" vertical="center" wrapText="1"/>
    </xf>
    <xf numFmtId="176" fontId="22" fillId="2" borderId="8" xfId="6" applyNumberFormat="1" applyFont="1" applyFill="1" applyBorder="1" applyAlignment="1">
      <alignment horizontal="right" vertical="center"/>
    </xf>
    <xf numFmtId="177" fontId="25" fillId="2" borderId="8" xfId="4" applyNumberFormat="1" applyFont="1" applyFill="1" applyBorder="1" applyAlignment="1">
      <alignment horizontal="right" vertical="center"/>
    </xf>
    <xf numFmtId="176" fontId="22" fillId="2" borderId="11" xfId="6" applyNumberFormat="1" applyFont="1" applyFill="1" applyBorder="1" applyAlignment="1">
      <alignment horizontal="left" vertical="center"/>
    </xf>
    <xf numFmtId="176" fontId="22" fillId="2" borderId="4" xfId="6" applyNumberFormat="1" applyFont="1" applyFill="1" applyBorder="1" applyAlignment="1">
      <alignment horizontal="left" vertical="center"/>
    </xf>
    <xf numFmtId="0" fontId="22" fillId="2" borderId="9" xfId="4" applyFont="1" applyFill="1" applyBorder="1" applyAlignment="1">
      <alignment horizontal="left" vertical="center"/>
    </xf>
    <xf numFmtId="0" fontId="25" fillId="2" borderId="0" xfId="6" applyFont="1" applyFill="1" applyBorder="1" applyAlignment="1">
      <alignment horizontal="center" vertical="center"/>
    </xf>
    <xf numFmtId="0" fontId="22" fillId="2" borderId="0" xfId="6" applyFont="1" applyFill="1" applyBorder="1" applyAlignment="1">
      <alignment horizontal="right" vertical="center"/>
    </xf>
    <xf numFmtId="176" fontId="22" fillId="2" borderId="9" xfId="6" applyNumberFormat="1" applyFont="1" applyFill="1" applyBorder="1" applyAlignment="1">
      <alignment horizontal="left" vertical="center"/>
    </xf>
    <xf numFmtId="176" fontId="27" fillId="2" borderId="0" xfId="6" applyNumberFormat="1" applyFont="1" applyFill="1" applyBorder="1" applyAlignment="1">
      <alignment horizontal="left" vertical="center"/>
    </xf>
    <xf numFmtId="176" fontId="22" fillId="2" borderId="0" xfId="6" applyNumberFormat="1" applyFont="1" applyFill="1" applyBorder="1" applyAlignment="1">
      <alignment horizontal="right" vertical="center"/>
    </xf>
    <xf numFmtId="176" fontId="22" fillId="2" borderId="126" xfId="6" applyNumberFormat="1" applyFont="1" applyFill="1" applyBorder="1" applyAlignment="1">
      <alignment horizontal="left" vertical="center"/>
    </xf>
    <xf numFmtId="176" fontId="22" fillId="2" borderId="0" xfId="6" applyNumberFormat="1" applyFont="1" applyFill="1" applyBorder="1" applyAlignment="1">
      <alignment horizontal="left" vertical="center" wrapText="1"/>
    </xf>
    <xf numFmtId="176" fontId="22" fillId="2" borderId="2" xfId="6" applyNumberFormat="1" applyFont="1" applyFill="1" applyBorder="1" applyAlignment="1">
      <alignment horizontal="left" vertical="center" wrapText="1"/>
    </xf>
    <xf numFmtId="177" fontId="25" fillId="2" borderId="0" xfId="4" applyNumberFormat="1" applyFont="1" applyFill="1" applyBorder="1" applyAlignment="1">
      <alignment horizontal="right" vertical="center"/>
    </xf>
    <xf numFmtId="176" fontId="22" fillId="2" borderId="121" xfId="6" applyNumberFormat="1" applyFont="1" applyFill="1" applyBorder="1" applyAlignment="1">
      <alignment horizontal="left" vertical="center"/>
    </xf>
    <xf numFmtId="0" fontId="22" fillId="2" borderId="11" xfId="4" applyFont="1" applyFill="1" applyBorder="1" applyAlignment="1">
      <alignment horizontal="left" vertical="center"/>
    </xf>
    <xf numFmtId="185" fontId="22" fillId="2" borderId="0" xfId="6" applyNumberFormat="1" applyFont="1" applyFill="1" applyBorder="1" applyAlignment="1">
      <alignment horizontal="right" vertical="center"/>
    </xf>
    <xf numFmtId="185" fontId="25" fillId="2" borderId="0" xfId="6" applyNumberFormat="1" applyFont="1" applyFill="1" applyBorder="1" applyAlignment="1">
      <alignment horizontal="right" vertical="center"/>
    </xf>
    <xf numFmtId="177" fontId="25" fillId="2" borderId="33" xfId="4" applyNumberFormat="1" applyFont="1" applyFill="1" applyBorder="1" applyAlignment="1">
      <alignment horizontal="right" vertical="center"/>
    </xf>
    <xf numFmtId="176" fontId="22" fillId="2" borderId="57" xfId="6" applyNumberFormat="1" applyFont="1" applyFill="1" applyBorder="1" applyAlignment="1">
      <alignment horizontal="left" vertical="center"/>
    </xf>
    <xf numFmtId="176" fontId="22" fillId="2" borderId="63" xfId="6" applyNumberFormat="1" applyFont="1" applyFill="1" applyBorder="1" applyAlignment="1">
      <alignment horizontal="left" vertical="center"/>
    </xf>
    <xf numFmtId="0" fontId="22" fillId="2" borderId="57" xfId="4" applyFont="1" applyFill="1" applyBorder="1" applyAlignment="1">
      <alignment horizontal="left" vertical="center"/>
    </xf>
    <xf numFmtId="0" fontId="25" fillId="2" borderId="33" xfId="6" applyFont="1" applyFill="1" applyBorder="1" applyAlignment="1">
      <alignment horizontal="center" vertical="center"/>
    </xf>
    <xf numFmtId="0" fontId="22" fillId="2" borderId="33" xfId="6" applyFont="1" applyFill="1" applyBorder="1" applyAlignment="1">
      <alignment horizontal="right" vertical="center"/>
    </xf>
    <xf numFmtId="176" fontId="22" fillId="2" borderId="43" xfId="6" applyNumberFormat="1" applyFont="1" applyFill="1" applyBorder="1" applyAlignment="1">
      <alignment horizontal="left" vertical="center"/>
    </xf>
    <xf numFmtId="176" fontId="27" fillId="2" borderId="33" xfId="6" applyNumberFormat="1" applyFont="1" applyFill="1" applyBorder="1" applyAlignment="1">
      <alignment horizontal="left" vertical="center"/>
    </xf>
    <xf numFmtId="185" fontId="22" fillId="2" borderId="33" xfId="6" applyNumberFormat="1" applyFont="1" applyFill="1" applyBorder="1" applyAlignment="1">
      <alignment horizontal="right" vertical="center"/>
    </xf>
    <xf numFmtId="185" fontId="25" fillId="2" borderId="33" xfId="6" applyNumberFormat="1" applyFont="1" applyFill="1" applyBorder="1" applyAlignment="1">
      <alignment horizontal="right" vertical="center"/>
    </xf>
    <xf numFmtId="176" fontId="22" fillId="2" borderId="51" xfId="6" applyNumberFormat="1" applyFont="1" applyFill="1" applyBorder="1" applyAlignment="1">
      <alignment horizontal="left" vertical="center"/>
    </xf>
    <xf numFmtId="176" fontId="22" fillId="2" borderId="33" xfId="6" applyNumberFormat="1" applyFont="1" applyFill="1" applyBorder="1" applyAlignment="1">
      <alignment horizontal="left" vertical="center" wrapText="1"/>
    </xf>
    <xf numFmtId="176" fontId="22" fillId="2" borderId="42" xfId="6" applyNumberFormat="1" applyFont="1" applyFill="1" applyBorder="1" applyAlignment="1">
      <alignment horizontal="left" vertical="center" wrapText="1"/>
    </xf>
    <xf numFmtId="176" fontId="22" fillId="2" borderId="43" xfId="6" applyNumberFormat="1" applyFont="1" applyFill="1" applyBorder="1" applyAlignment="1">
      <alignment horizontal="right" vertical="center"/>
    </xf>
    <xf numFmtId="181" fontId="22" fillId="2" borderId="9" xfId="6" applyNumberFormat="1" applyFont="1" applyFill="1" applyBorder="1" applyAlignment="1">
      <alignment horizontal="right" vertical="center"/>
    </xf>
    <xf numFmtId="181" fontId="22" fillId="2" borderId="126" xfId="6" applyNumberFormat="1" applyFont="1" applyFill="1" applyBorder="1" applyAlignment="1">
      <alignment horizontal="right" vertical="center"/>
    </xf>
    <xf numFmtId="0" fontId="22" fillId="2" borderId="9" xfId="4" applyFont="1" applyFill="1" applyBorder="1" applyAlignment="1">
      <alignment vertical="center"/>
    </xf>
    <xf numFmtId="0" fontId="25" fillId="2" borderId="0" xfId="4" applyFont="1" applyFill="1" applyBorder="1" applyAlignment="1">
      <alignment vertical="center"/>
    </xf>
    <xf numFmtId="176" fontId="22" fillId="2" borderId="57" xfId="6" applyNumberFormat="1" applyFont="1" applyFill="1" applyBorder="1" applyAlignment="1">
      <alignment horizontal="right" vertical="center"/>
    </xf>
    <xf numFmtId="176" fontId="22" fillId="2" borderId="63" xfId="6" applyNumberFormat="1" applyFont="1" applyFill="1" applyBorder="1" applyAlignment="1">
      <alignment horizontal="right" vertical="center"/>
    </xf>
    <xf numFmtId="0" fontId="22" fillId="2" borderId="57" xfId="4" applyFont="1" applyFill="1" applyBorder="1" applyAlignment="1">
      <alignment vertical="center"/>
    </xf>
    <xf numFmtId="176" fontId="22" fillId="2" borderId="9" xfId="6" applyNumberFormat="1" applyFont="1" applyFill="1" applyBorder="1" applyAlignment="1">
      <alignment horizontal="right" vertical="center"/>
    </xf>
    <xf numFmtId="176" fontId="22" fillId="2" borderId="126" xfId="6" applyNumberFormat="1" applyFont="1" applyFill="1" applyBorder="1" applyAlignment="1">
      <alignment horizontal="right" vertical="center"/>
    </xf>
    <xf numFmtId="178" fontId="22" fillId="2" borderId="0" xfId="6" applyNumberFormat="1" applyFont="1" applyFill="1" applyBorder="1" applyAlignment="1">
      <alignment horizontal="right" vertical="center"/>
    </xf>
    <xf numFmtId="176" fontId="27" fillId="2" borderId="8" xfId="6" applyNumberFormat="1" applyFont="1" applyFill="1" applyBorder="1" applyAlignment="1">
      <alignment horizontal="left" vertical="center"/>
    </xf>
    <xf numFmtId="178" fontId="22" fillId="2" borderId="8" xfId="6" applyNumberFormat="1" applyFont="1" applyFill="1" applyBorder="1" applyAlignment="1">
      <alignment horizontal="right" vertical="center"/>
    </xf>
    <xf numFmtId="176" fontId="22" fillId="2" borderId="66" xfId="6" applyNumberFormat="1" applyFont="1" applyFill="1" applyBorder="1" applyAlignment="1">
      <alignment horizontal="left" vertical="center"/>
    </xf>
    <xf numFmtId="176" fontId="22" fillId="2" borderId="0" xfId="6" applyNumberFormat="1" applyFont="1" applyFill="1" applyBorder="1" applyAlignment="1">
      <alignment horizontal="left" vertical="center"/>
    </xf>
    <xf numFmtId="176" fontId="22" fillId="2" borderId="2" xfId="6" applyNumberFormat="1" applyFont="1" applyFill="1" applyBorder="1" applyAlignment="1">
      <alignment horizontal="left" vertical="center"/>
    </xf>
    <xf numFmtId="176" fontId="22" fillId="2" borderId="33" xfId="6" applyNumberFormat="1" applyFont="1" applyFill="1" applyBorder="1" applyAlignment="1">
      <alignment horizontal="left" vertical="center"/>
    </xf>
    <xf numFmtId="185" fontId="22" fillId="2" borderId="8" xfId="6" applyNumberFormat="1" applyFont="1" applyFill="1" applyBorder="1" applyAlignment="1">
      <alignment horizontal="right" vertical="center"/>
    </xf>
    <xf numFmtId="0" fontId="25" fillId="2" borderId="118" xfId="6" applyFont="1" applyFill="1" applyBorder="1" applyAlignment="1">
      <alignment horizontal="center" vertical="center"/>
    </xf>
    <xf numFmtId="0" fontId="22" fillId="2" borderId="118" xfId="6" applyFont="1" applyFill="1" applyBorder="1" applyAlignment="1">
      <alignment horizontal="right" vertical="center"/>
    </xf>
    <xf numFmtId="185" fontId="22" fillId="2" borderId="116" xfId="6" applyNumberFormat="1" applyFont="1" applyFill="1" applyBorder="1" applyAlignment="1">
      <alignment horizontal="left" vertical="center"/>
    </xf>
    <xf numFmtId="185" fontId="27" fillId="2" borderId="118" xfId="6" applyNumberFormat="1" applyFont="1" applyFill="1" applyBorder="1" applyAlignment="1">
      <alignment horizontal="left" vertical="center"/>
    </xf>
    <xf numFmtId="185" fontId="22" fillId="2" borderId="118" xfId="6" applyNumberFormat="1" applyFont="1" applyFill="1" applyBorder="1" applyAlignment="1">
      <alignment horizontal="right" vertical="center"/>
    </xf>
    <xf numFmtId="185" fontId="22" fillId="2" borderId="119" xfId="6" applyNumberFormat="1" applyFont="1" applyFill="1" applyBorder="1" applyAlignment="1">
      <alignment horizontal="left" vertical="center"/>
    </xf>
    <xf numFmtId="185" fontId="22" fillId="2" borderId="118" xfId="6" applyNumberFormat="1" applyFont="1" applyFill="1" applyBorder="1" applyAlignment="1">
      <alignment horizontal="left" vertical="center" wrapText="1"/>
    </xf>
    <xf numFmtId="185" fontId="22" fillId="2" borderId="128" xfId="6" applyNumberFormat="1" applyFont="1" applyFill="1" applyBorder="1" applyAlignment="1">
      <alignment horizontal="left" vertical="center" wrapText="1"/>
    </xf>
    <xf numFmtId="176" fontId="22" fillId="2" borderId="116" xfId="6" applyNumberFormat="1" applyFont="1" applyFill="1" applyBorder="1" applyAlignment="1">
      <alignment horizontal="left" vertical="center"/>
    </xf>
    <xf numFmtId="176" fontId="32" fillId="2" borderId="110" xfId="6" applyNumberFormat="1" applyFont="1" applyFill="1" applyBorder="1" applyAlignment="1">
      <alignment horizontal="right" vertical="center"/>
    </xf>
    <xf numFmtId="176" fontId="32" fillId="2" borderId="113" xfId="6" applyNumberFormat="1" applyFont="1" applyFill="1" applyBorder="1" applyAlignment="1">
      <alignment horizontal="right" vertical="center"/>
    </xf>
    <xf numFmtId="0" fontId="32" fillId="2" borderId="110" xfId="4" applyFont="1" applyFill="1" applyBorder="1" applyAlignment="1">
      <alignment vertical="center"/>
    </xf>
    <xf numFmtId="0" fontId="29" fillId="2" borderId="0" xfId="6" applyFont="1" applyFill="1" applyBorder="1" applyAlignment="1">
      <alignment horizontal="center" vertical="center"/>
    </xf>
    <xf numFmtId="0" fontId="32" fillId="2" borderId="0" xfId="6" applyFont="1" applyFill="1" applyBorder="1" applyAlignment="1">
      <alignment horizontal="right" vertical="center"/>
    </xf>
    <xf numFmtId="185" fontId="32" fillId="2" borderId="9" xfId="6" applyNumberFormat="1" applyFont="1" applyFill="1" applyBorder="1" applyAlignment="1">
      <alignment horizontal="left" vertical="center"/>
    </xf>
    <xf numFmtId="185" fontId="33" fillId="2" borderId="0" xfId="6" applyNumberFormat="1" applyFont="1" applyFill="1" applyBorder="1" applyAlignment="1">
      <alignment horizontal="left" vertical="center"/>
    </xf>
    <xf numFmtId="185" fontId="32" fillId="2" borderId="0" xfId="6" applyNumberFormat="1" applyFont="1" applyFill="1" applyBorder="1" applyAlignment="1">
      <alignment horizontal="right" vertical="center"/>
    </xf>
    <xf numFmtId="185" fontId="32" fillId="2" borderId="126" xfId="6" applyNumberFormat="1" applyFont="1" applyFill="1" applyBorder="1" applyAlignment="1">
      <alignment horizontal="left" vertical="center"/>
    </xf>
    <xf numFmtId="185" fontId="32" fillId="2" borderId="0" xfId="6" applyNumberFormat="1" applyFont="1" applyFill="1" applyBorder="1" applyAlignment="1">
      <alignment horizontal="left" vertical="center" wrapText="1"/>
    </xf>
    <xf numFmtId="185" fontId="32" fillId="2" borderId="2" xfId="6" applyNumberFormat="1" applyFont="1" applyFill="1" applyBorder="1" applyAlignment="1">
      <alignment horizontal="left" vertical="center" wrapText="1"/>
    </xf>
    <xf numFmtId="176" fontId="32" fillId="2" borderId="9" xfId="6" applyNumberFormat="1" applyFont="1" applyFill="1" applyBorder="1" applyAlignment="1">
      <alignment horizontal="left" vertical="center"/>
    </xf>
    <xf numFmtId="38" fontId="22" fillId="2" borderId="122" xfId="2" applyFont="1" applyFill="1" applyBorder="1" applyAlignment="1">
      <alignment vertical="center"/>
    </xf>
    <xf numFmtId="38" fontId="22" fillId="2" borderId="125" xfId="2" applyFont="1" applyFill="1" applyBorder="1" applyAlignment="1">
      <alignment vertical="center"/>
    </xf>
    <xf numFmtId="0" fontId="22" fillId="2" borderId="122" xfId="4" applyFont="1" applyFill="1" applyBorder="1" applyAlignment="1">
      <alignment vertical="center"/>
    </xf>
    <xf numFmtId="185" fontId="25" fillId="2" borderId="8" xfId="6" applyNumberFormat="1" applyFont="1" applyFill="1" applyBorder="1" applyAlignment="1">
      <alignment horizontal="right" vertical="center" shrinkToFit="1"/>
    </xf>
    <xf numFmtId="185" fontId="22" fillId="2" borderId="17" xfId="6" applyNumberFormat="1" applyFont="1" applyFill="1" applyBorder="1" applyAlignment="1">
      <alignment horizontal="left" vertical="center"/>
    </xf>
    <xf numFmtId="185" fontId="27" fillId="2" borderId="8" xfId="6" applyNumberFormat="1" applyFont="1" applyFill="1" applyBorder="1" applyAlignment="1">
      <alignment horizontal="left" vertical="center"/>
    </xf>
    <xf numFmtId="185" fontId="22" fillId="2" borderId="8" xfId="7" applyNumberFormat="1" applyFont="1" applyFill="1" applyBorder="1" applyAlignment="1">
      <alignment horizontal="right" vertical="center"/>
    </xf>
    <xf numFmtId="185" fontId="22" fillId="2" borderId="66" xfId="6" applyNumberFormat="1" applyFont="1" applyFill="1" applyBorder="1" applyAlignment="1">
      <alignment horizontal="left" vertical="center"/>
    </xf>
    <xf numFmtId="185" fontId="22" fillId="2" borderId="8" xfId="6" applyNumberFormat="1" applyFont="1" applyFill="1" applyBorder="1" applyAlignment="1">
      <alignment horizontal="left" vertical="center" wrapText="1"/>
    </xf>
    <xf numFmtId="185" fontId="22" fillId="2" borderId="12" xfId="6" applyNumberFormat="1" applyFont="1" applyFill="1" applyBorder="1" applyAlignment="1">
      <alignment horizontal="left" vertical="center" wrapText="1"/>
    </xf>
    <xf numFmtId="0" fontId="25" fillId="2" borderId="0" xfId="6" applyFont="1" applyFill="1" applyAlignment="1">
      <alignment vertical="center"/>
    </xf>
    <xf numFmtId="0" fontId="25" fillId="2" borderId="0" xfId="6" applyFont="1" applyFill="1" applyAlignment="1">
      <alignment vertical="center" shrinkToFit="1"/>
    </xf>
    <xf numFmtId="0" fontId="22" fillId="2" borderId="0" xfId="4" applyFont="1" applyFill="1" applyBorder="1" applyAlignment="1"/>
    <xf numFmtId="0" fontId="25" fillId="2" borderId="0" xfId="4" applyFont="1" applyFill="1" applyAlignment="1">
      <alignment horizontal="right" vertical="center"/>
    </xf>
    <xf numFmtId="0" fontId="25" fillId="2" borderId="1" xfId="4" applyFont="1" applyFill="1" applyBorder="1" applyAlignment="1">
      <alignment horizontal="center" vertical="center"/>
    </xf>
    <xf numFmtId="0" fontId="25" fillId="2" borderId="5" xfId="4" applyFont="1" applyFill="1" applyBorder="1" applyAlignment="1">
      <alignment horizontal="center" vertical="center"/>
    </xf>
    <xf numFmtId="0" fontId="25" fillId="2" borderId="29" xfId="4" applyFont="1" applyFill="1" applyBorder="1" applyAlignment="1">
      <alignment horizontal="center" vertical="center"/>
    </xf>
    <xf numFmtId="0" fontId="25" fillId="2" borderId="20" xfId="4" applyFont="1" applyFill="1" applyBorder="1" applyAlignment="1">
      <alignment horizontal="center" vertical="center"/>
    </xf>
    <xf numFmtId="186" fontId="25" fillId="2" borderId="47" xfId="4" applyNumberFormat="1" applyFont="1" applyFill="1" applyBorder="1" applyAlignment="1">
      <alignment horizontal="right" vertical="center"/>
    </xf>
    <xf numFmtId="179" fontId="25" fillId="2" borderId="47" xfId="4" applyNumberFormat="1" applyFont="1" applyFill="1" applyBorder="1" applyAlignment="1">
      <alignment horizontal="right" vertical="center"/>
    </xf>
    <xf numFmtId="179" fontId="25" fillId="2" borderId="58" xfId="4" applyNumberFormat="1" applyFont="1" applyFill="1" applyBorder="1" applyAlignment="1">
      <alignment horizontal="right" vertical="center"/>
    </xf>
    <xf numFmtId="4" fontId="25" fillId="2" borderId="20" xfId="4" applyNumberFormat="1" applyFont="1" applyFill="1" applyBorder="1" applyAlignment="1">
      <alignment horizontal="center" vertical="center"/>
    </xf>
    <xf numFmtId="0" fontId="25" fillId="2" borderId="22" xfId="4" applyFont="1" applyFill="1" applyBorder="1" applyAlignment="1">
      <alignment horizontal="center" vertical="center"/>
    </xf>
    <xf numFmtId="186" fontId="25" fillId="2" borderId="50" xfId="4" applyNumberFormat="1" applyFont="1" applyFill="1" applyBorder="1" applyAlignment="1">
      <alignment horizontal="right" vertical="center"/>
    </xf>
    <xf numFmtId="179" fontId="25" fillId="2" borderId="50" xfId="4" applyNumberFormat="1" applyFont="1" applyFill="1" applyBorder="1" applyAlignment="1">
      <alignment horizontal="right" vertical="center"/>
    </xf>
    <xf numFmtId="179" fontId="25" fillId="2" borderId="34" xfId="4" applyNumberFormat="1" applyFont="1" applyFill="1" applyBorder="1" applyAlignment="1">
      <alignment horizontal="right" vertical="center"/>
    </xf>
    <xf numFmtId="4" fontId="25" fillId="2" borderId="21" xfId="4" applyNumberFormat="1" applyFont="1" applyFill="1" applyBorder="1" applyAlignment="1">
      <alignment horizontal="center" vertical="center"/>
    </xf>
    <xf numFmtId="0" fontId="25" fillId="2" borderId="21" xfId="4" applyFont="1" applyFill="1" applyBorder="1" applyAlignment="1">
      <alignment horizontal="center" vertical="center"/>
    </xf>
    <xf numFmtId="0" fontId="25" fillId="2" borderId="15" xfId="4" applyFont="1" applyFill="1" applyBorder="1" applyAlignment="1">
      <alignment horizontal="center" vertical="center"/>
    </xf>
    <xf numFmtId="4" fontId="25" fillId="2" borderId="15" xfId="4" applyNumberFormat="1" applyFont="1" applyFill="1" applyBorder="1" applyAlignment="1">
      <alignment horizontal="center" vertical="center"/>
    </xf>
    <xf numFmtId="186" fontId="25" fillId="2" borderId="39" xfId="4" applyNumberFormat="1" applyFont="1" applyFill="1" applyBorder="1" applyAlignment="1">
      <alignment horizontal="right" vertical="center"/>
    </xf>
    <xf numFmtId="179" fontId="25" fillId="2" borderId="39" xfId="4" applyNumberFormat="1" applyFont="1" applyFill="1" applyBorder="1" applyAlignment="1">
      <alignment horizontal="right" vertical="center"/>
    </xf>
    <xf numFmtId="179" fontId="25" fillId="2" borderId="30" xfId="4" applyNumberFormat="1" applyFont="1" applyFill="1" applyBorder="1" applyAlignment="1">
      <alignment horizontal="right" vertical="center"/>
    </xf>
    <xf numFmtId="0" fontId="25" fillId="2" borderId="23" xfId="4" applyFont="1" applyFill="1" applyBorder="1" applyAlignment="1">
      <alignment horizontal="center" vertical="center"/>
    </xf>
    <xf numFmtId="186" fontId="25" fillId="2" borderId="52" xfId="4" applyNumberFormat="1" applyFont="1" applyFill="1" applyBorder="1" applyAlignment="1">
      <alignment horizontal="right" vertical="center"/>
    </xf>
    <xf numFmtId="179" fontId="25" fillId="2" borderId="52" xfId="4" applyNumberFormat="1" applyFont="1" applyFill="1" applyBorder="1" applyAlignment="1">
      <alignment horizontal="right" vertical="center"/>
    </xf>
    <xf numFmtId="179" fontId="25" fillId="2" borderId="35" xfId="4" applyNumberFormat="1" applyFont="1" applyFill="1" applyBorder="1" applyAlignment="1">
      <alignment horizontal="right" vertical="center"/>
    </xf>
    <xf numFmtId="0" fontId="29" fillId="2" borderId="72" xfId="4" applyFont="1" applyFill="1" applyBorder="1" applyAlignment="1">
      <alignment horizontal="center" vertical="center"/>
    </xf>
    <xf numFmtId="186" fontId="29" fillId="2" borderId="74" xfId="4" applyNumberFormat="1" applyFont="1" applyFill="1" applyBorder="1" applyAlignment="1">
      <alignment horizontal="right" vertical="center"/>
    </xf>
    <xf numFmtId="179" fontId="29" fillId="2" borderId="74" xfId="4" applyNumberFormat="1" applyFont="1" applyFill="1" applyBorder="1" applyAlignment="1">
      <alignment horizontal="right" vertical="center"/>
    </xf>
    <xf numFmtId="179" fontId="29" fillId="2" borderId="73" xfId="4" applyNumberFormat="1" applyFont="1" applyFill="1" applyBorder="1" applyAlignment="1">
      <alignment horizontal="right" vertical="center"/>
    </xf>
    <xf numFmtId="0" fontId="25" fillId="2" borderId="0" xfId="4" applyFont="1" applyFill="1" applyAlignment="1">
      <alignment horizontal="right"/>
    </xf>
    <xf numFmtId="0" fontId="34" fillId="2" borderId="0" xfId="4" applyFont="1" applyFill="1" applyAlignment="1">
      <alignment vertical="center"/>
    </xf>
    <xf numFmtId="0" fontId="30" fillId="2" borderId="0" xfId="4" applyFont="1" applyFill="1" applyAlignment="1">
      <alignment vertical="center"/>
    </xf>
    <xf numFmtId="0" fontId="35" fillId="2" borderId="0" xfId="4" applyFont="1" applyFill="1" applyAlignment="1">
      <alignment horizontal="right" vertical="center"/>
    </xf>
    <xf numFmtId="0" fontId="24" fillId="2" borderId="10" xfId="4" applyFont="1" applyFill="1" applyBorder="1" applyAlignment="1">
      <alignment horizontal="center"/>
    </xf>
    <xf numFmtId="0" fontId="27" fillId="2" borderId="136" xfId="4" applyFont="1" applyFill="1" applyBorder="1" applyAlignment="1">
      <alignment horizontal="center" vertical="center"/>
    </xf>
    <xf numFmtId="0" fontId="27" fillId="2" borderId="7" xfId="4" applyFont="1" applyFill="1" applyBorder="1" applyAlignment="1">
      <alignment horizontal="center" vertical="center"/>
    </xf>
    <xf numFmtId="0" fontId="27" fillId="2" borderId="1" xfId="4" applyFont="1" applyFill="1" applyBorder="1" applyAlignment="1">
      <alignment horizontal="center" vertical="center"/>
    </xf>
    <xf numFmtId="0" fontId="27" fillId="2" borderId="19" xfId="4" applyFont="1" applyFill="1" applyBorder="1" applyAlignment="1">
      <alignment horizontal="center" vertical="center"/>
    </xf>
    <xf numFmtId="0" fontId="27" fillId="2" borderId="19" xfId="4" applyFont="1" applyFill="1" applyBorder="1" applyAlignment="1">
      <alignment horizontal="center" vertical="center" wrapText="1"/>
    </xf>
    <xf numFmtId="0" fontId="27" fillId="2" borderId="12" xfId="4" applyFont="1" applyFill="1" applyBorder="1" applyAlignment="1">
      <alignment horizontal="center" vertical="center"/>
    </xf>
    <xf numFmtId="187" fontId="27" fillId="2" borderId="129" xfId="4" applyNumberFormat="1" applyFont="1" applyFill="1" applyBorder="1" applyAlignment="1">
      <alignment vertical="center"/>
    </xf>
    <xf numFmtId="187" fontId="27" fillId="2" borderId="8" xfId="4" applyNumberFormat="1" applyFont="1" applyFill="1" applyBorder="1" applyAlignment="1">
      <alignment vertical="center"/>
    </xf>
    <xf numFmtId="187" fontId="27" fillId="2" borderId="12" xfId="4" applyNumberFormat="1" applyFont="1" applyFill="1" applyBorder="1" applyAlignment="1" applyProtection="1">
      <alignment vertical="center"/>
    </xf>
    <xf numFmtId="187" fontId="27" fillId="2" borderId="15" xfId="4" applyNumberFormat="1" applyFont="1" applyFill="1" applyBorder="1" applyAlignment="1" applyProtection="1">
      <alignment vertical="center"/>
    </xf>
    <xf numFmtId="0" fontId="27" fillId="2" borderId="10" xfId="4" applyFont="1" applyFill="1" applyBorder="1" applyAlignment="1">
      <alignment horizontal="center" vertical="center"/>
    </xf>
    <xf numFmtId="187" fontId="27" fillId="2" borderId="1" xfId="4" applyNumberFormat="1" applyFont="1" applyFill="1" applyBorder="1" applyAlignment="1" applyProtection="1">
      <alignment vertical="center"/>
    </xf>
    <xf numFmtId="0" fontId="27" fillId="2" borderId="3" xfId="4" applyFont="1" applyFill="1" applyBorder="1" applyAlignment="1">
      <alignment horizontal="center" vertical="center"/>
    </xf>
    <xf numFmtId="187" fontId="27" fillId="2" borderId="135" xfId="4" applyNumberFormat="1" applyFont="1" applyFill="1" applyBorder="1" applyAlignment="1">
      <alignment vertical="center"/>
    </xf>
    <xf numFmtId="187" fontId="27" fillId="2" borderId="0" xfId="4" applyNumberFormat="1" applyFont="1" applyFill="1" applyAlignment="1">
      <alignment vertical="center"/>
    </xf>
    <xf numFmtId="187" fontId="27" fillId="2" borderId="2" xfId="4" applyNumberFormat="1" applyFont="1" applyFill="1" applyBorder="1" applyAlignment="1" applyProtection="1">
      <alignment vertical="center"/>
    </xf>
    <xf numFmtId="187" fontId="27" fillId="2" borderId="14" xfId="4" applyNumberFormat="1" applyFont="1" applyFill="1" applyBorder="1" applyAlignment="1" applyProtection="1">
      <alignment vertical="center"/>
    </xf>
    <xf numFmtId="187" fontId="27" fillId="2" borderId="13" xfId="4" applyNumberFormat="1" applyFont="1" applyFill="1" applyBorder="1" applyAlignment="1" applyProtection="1">
      <alignment vertical="center"/>
    </xf>
    <xf numFmtId="0" fontId="27" fillId="2" borderId="16" xfId="4" applyFont="1" applyFill="1" applyBorder="1" applyAlignment="1">
      <alignment horizontal="center" vertical="center"/>
    </xf>
    <xf numFmtId="187" fontId="27" fillId="2" borderId="134" xfId="4" applyNumberFormat="1" applyFont="1" applyFill="1" applyBorder="1" applyAlignment="1">
      <alignment vertical="center"/>
    </xf>
    <xf numFmtId="187" fontId="27" fillId="2" borderId="26" xfId="4" applyNumberFormat="1" applyFont="1" applyFill="1" applyBorder="1" applyAlignment="1">
      <alignment vertical="center"/>
    </xf>
    <xf numFmtId="187" fontId="27" fillId="2" borderId="16" xfId="4" applyNumberFormat="1" applyFont="1" applyFill="1" applyBorder="1" applyAlignment="1" applyProtection="1">
      <alignment vertical="center"/>
    </xf>
    <xf numFmtId="187" fontId="27" fillId="2" borderId="21" xfId="4" applyNumberFormat="1" applyFont="1" applyFill="1" applyBorder="1" applyAlignment="1" applyProtection="1">
      <alignment vertical="center"/>
    </xf>
    <xf numFmtId="0" fontId="27" fillId="2" borderId="2" xfId="4" applyFont="1" applyFill="1" applyBorder="1" applyAlignment="1">
      <alignment horizontal="center" vertical="center"/>
    </xf>
    <xf numFmtId="0" fontId="27" fillId="2" borderId="88" xfId="4" applyFont="1" applyFill="1" applyBorder="1" applyAlignment="1">
      <alignment horizontal="center" vertical="center"/>
    </xf>
    <xf numFmtId="187" fontId="27" fillId="2" borderId="133" xfId="4" applyNumberFormat="1" applyFont="1" applyFill="1" applyBorder="1" applyAlignment="1">
      <alignment vertical="center"/>
    </xf>
    <xf numFmtId="187" fontId="27" fillId="2" borderId="132" xfId="4" applyNumberFormat="1" applyFont="1" applyFill="1" applyBorder="1" applyAlignment="1">
      <alignment vertical="center"/>
    </xf>
    <xf numFmtId="187" fontId="27" fillId="2" borderId="79" xfId="4" applyNumberFormat="1" applyFont="1" applyFill="1" applyBorder="1" applyAlignment="1" applyProtection="1">
      <alignment vertical="center"/>
    </xf>
    <xf numFmtId="187" fontId="27" fillId="2" borderId="87" xfId="4" applyNumberFormat="1" applyFont="1" applyFill="1" applyBorder="1" applyAlignment="1" applyProtection="1">
      <alignment vertical="center"/>
    </xf>
    <xf numFmtId="0" fontId="33" fillId="2" borderId="77" xfId="4" applyFont="1" applyFill="1" applyBorder="1" applyAlignment="1">
      <alignment horizontal="center" vertical="center"/>
    </xf>
    <xf numFmtId="187" fontId="33" fillId="2" borderId="131" xfId="4" applyNumberFormat="1" applyFont="1" applyFill="1" applyBorder="1" applyAlignment="1">
      <alignment vertical="center"/>
    </xf>
    <xf numFmtId="187" fontId="33" fillId="2" borderId="130" xfId="4" applyNumberFormat="1" applyFont="1" applyFill="1" applyBorder="1" applyAlignment="1">
      <alignment vertical="center"/>
    </xf>
    <xf numFmtId="187" fontId="33" fillId="2" borderId="78" xfId="4" applyNumberFormat="1" applyFont="1" applyFill="1" applyBorder="1" applyAlignment="1" applyProtection="1">
      <alignment vertical="center"/>
    </xf>
    <xf numFmtId="187" fontId="33" fillId="2" borderId="130" xfId="4" applyNumberFormat="1" applyFont="1" applyFill="1" applyBorder="1" applyAlignment="1" applyProtection="1">
      <alignment vertical="center"/>
    </xf>
    <xf numFmtId="3" fontId="27" fillId="2" borderId="129" xfId="4" applyNumberFormat="1" applyFont="1" applyFill="1" applyBorder="1" applyAlignment="1">
      <alignment vertical="center"/>
    </xf>
    <xf numFmtId="3" fontId="27" fillId="2" borderId="8" xfId="4" applyNumberFormat="1" applyFont="1" applyFill="1" applyBorder="1" applyAlignment="1">
      <alignment vertical="center"/>
    </xf>
    <xf numFmtId="3" fontId="27" fillId="2" borderId="12" xfId="4" applyNumberFormat="1" applyFont="1" applyFill="1" applyBorder="1" applyAlignment="1" applyProtection="1">
      <alignment vertical="center"/>
    </xf>
    <xf numFmtId="3" fontId="27" fillId="2" borderId="15" xfId="4" applyNumberFormat="1" applyFont="1" applyFill="1" applyBorder="1" applyAlignment="1" applyProtection="1">
      <alignment vertical="center"/>
    </xf>
    <xf numFmtId="0" fontId="35" fillId="2" borderId="0" xfId="4" applyFont="1" applyFill="1" applyAlignment="1">
      <alignment vertical="center"/>
    </xf>
    <xf numFmtId="0" fontId="35" fillId="2" borderId="0" xfId="4" applyFont="1" applyFill="1" applyBorder="1" applyAlignment="1">
      <alignment vertical="center"/>
    </xf>
    <xf numFmtId="0" fontId="35" fillId="2" borderId="0" xfId="4" applyFont="1" applyFill="1" applyBorder="1" applyAlignment="1">
      <alignment horizontal="right" vertical="center"/>
    </xf>
    <xf numFmtId="0" fontId="35" fillId="2" borderId="0" xfId="4" applyFont="1" applyFill="1" applyBorder="1" applyAlignment="1">
      <alignment horizontal="left" vertical="center"/>
    </xf>
    <xf numFmtId="184" fontId="25" fillId="2" borderId="147" xfId="4" applyNumberFormat="1" applyFont="1" applyFill="1" applyBorder="1" applyAlignment="1">
      <alignment horizontal="right" vertical="center"/>
    </xf>
    <xf numFmtId="0" fontId="10" fillId="2" borderId="0" xfId="4" applyFont="1" applyFill="1" applyAlignment="1">
      <alignment horizontal="center" vertical="center"/>
    </xf>
    <xf numFmtId="0" fontId="17" fillId="2" borderId="0" xfId="4" applyFont="1" applyFill="1" applyAlignment="1">
      <alignment horizontal="center" vertical="center"/>
    </xf>
    <xf numFmtId="0" fontId="9" fillId="2" borderId="137" xfId="4" applyFont="1" applyFill="1" applyBorder="1" applyAlignment="1">
      <alignment horizontal="left" vertical="center" wrapText="1"/>
    </xf>
    <xf numFmtId="0" fontId="9" fillId="2" borderId="138" xfId="4" applyFont="1" applyFill="1" applyBorder="1" applyAlignment="1">
      <alignment horizontal="left" vertical="center"/>
    </xf>
    <xf numFmtId="0" fontId="9" fillId="2" borderId="0" xfId="4" applyFont="1" applyFill="1" applyAlignment="1">
      <alignment horizontal="center" vertical="center"/>
    </xf>
    <xf numFmtId="0" fontId="24" fillId="2" borderId="10" xfId="6" applyFont="1" applyFill="1" applyBorder="1" applyAlignment="1">
      <alignment horizontal="center" vertical="center"/>
    </xf>
    <xf numFmtId="0" fontId="24" fillId="2" borderId="19" xfId="6" applyFont="1" applyFill="1" applyBorder="1" applyAlignment="1">
      <alignment horizontal="center" vertical="center"/>
    </xf>
    <xf numFmtId="0" fontId="24" fillId="2" borderId="88" xfId="6" applyFont="1" applyFill="1" applyBorder="1" applyAlignment="1">
      <alignment horizontal="center" vertical="center"/>
    </xf>
    <xf numFmtId="0" fontId="24" fillId="2" borderId="87" xfId="6" applyFont="1" applyFill="1" applyBorder="1" applyAlignment="1">
      <alignment horizontal="center" vertical="center"/>
    </xf>
    <xf numFmtId="0" fontId="24" fillId="2" borderId="16" xfId="6" applyFont="1" applyFill="1" applyBorder="1" applyAlignment="1">
      <alignment horizontal="center" vertical="center"/>
    </xf>
    <xf numFmtId="0" fontId="24" fillId="2" borderId="24" xfId="6" applyFont="1" applyFill="1" applyBorder="1" applyAlignment="1">
      <alignment horizontal="center" vertical="center"/>
    </xf>
    <xf numFmtId="0" fontId="24" fillId="2" borderId="3" xfId="6" applyFont="1" applyFill="1" applyBorder="1" applyAlignment="1">
      <alignment horizontal="center" vertical="center"/>
    </xf>
    <xf numFmtId="0" fontId="24" fillId="2" borderId="11" xfId="6" applyFont="1" applyFill="1" applyBorder="1" applyAlignment="1">
      <alignment horizontal="center" vertical="center"/>
    </xf>
    <xf numFmtId="0" fontId="22" fillId="2" borderId="82" xfId="6" applyFont="1" applyFill="1" applyBorder="1" applyAlignment="1">
      <alignment horizontal="center" vertical="center" shrinkToFit="1"/>
    </xf>
    <xf numFmtId="0" fontId="22" fillId="2" borderId="83" xfId="6" applyFont="1" applyFill="1" applyBorder="1" applyAlignment="1">
      <alignment horizontal="center" vertical="center" shrinkToFit="1"/>
    </xf>
    <xf numFmtId="0" fontId="24" fillId="2" borderId="7" xfId="6" applyFont="1" applyFill="1" applyBorder="1" applyAlignment="1">
      <alignment horizontal="center" vertical="center"/>
    </xf>
    <xf numFmtId="0" fontId="25" fillId="2" borderId="3" xfId="6" applyFont="1" applyFill="1" applyBorder="1" applyAlignment="1">
      <alignment horizontal="center" vertical="center"/>
    </xf>
    <xf numFmtId="0" fontId="25" fillId="2" borderId="12" xfId="6" applyFont="1" applyFill="1" applyBorder="1" applyAlignment="1">
      <alignment horizontal="center" vertical="center"/>
    </xf>
    <xf numFmtId="0" fontId="25" fillId="2" borderId="31" xfId="6" applyFont="1" applyFill="1" applyBorder="1" applyAlignment="1">
      <alignment horizontal="center" vertical="center" wrapText="1"/>
    </xf>
    <xf numFmtId="0" fontId="25" fillId="2" borderId="25" xfId="6" applyFont="1" applyFill="1" applyBorder="1" applyAlignment="1">
      <alignment horizontal="center" vertical="center" wrapText="1"/>
    </xf>
    <xf numFmtId="0" fontId="25" fillId="2" borderId="82" xfId="6" applyFont="1" applyFill="1" applyBorder="1" applyAlignment="1">
      <alignment horizontal="center" vertical="center" wrapText="1"/>
    </xf>
    <xf numFmtId="0" fontId="25" fillId="2" borderId="83" xfId="6" applyFont="1" applyFill="1" applyBorder="1" applyAlignment="1">
      <alignment horizontal="center" vertical="center" wrapText="1"/>
    </xf>
    <xf numFmtId="0" fontId="25" fillId="2" borderId="71" xfId="6" applyFont="1" applyFill="1" applyBorder="1" applyAlignment="1">
      <alignment horizontal="center" vertical="center" wrapText="1"/>
    </xf>
    <xf numFmtId="0" fontId="25" fillId="2" borderId="61" xfId="6" applyFont="1" applyFill="1" applyBorder="1" applyAlignment="1">
      <alignment horizontal="center" vertical="center" wrapText="1"/>
    </xf>
    <xf numFmtId="0" fontId="10" fillId="0" borderId="0" xfId="4" applyFont="1" applyFill="1" applyAlignment="1">
      <alignment horizontal="center" vertical="center"/>
    </xf>
    <xf numFmtId="0" fontId="22" fillId="2" borderId="71" xfId="6" applyFont="1" applyFill="1" applyBorder="1" applyAlignment="1">
      <alignment horizontal="center" vertical="center" shrinkToFit="1"/>
    </xf>
    <xf numFmtId="0" fontId="22" fillId="2" borderId="61" xfId="6" applyFont="1" applyFill="1" applyBorder="1" applyAlignment="1">
      <alignment horizontal="center" vertical="center" shrinkToFit="1"/>
    </xf>
    <xf numFmtId="0" fontId="24" fillId="2" borderId="4" xfId="6" applyFont="1" applyFill="1" applyBorder="1" applyAlignment="1">
      <alignment horizontal="center" vertical="center"/>
    </xf>
    <xf numFmtId="0" fontId="27" fillId="2" borderId="31" xfId="6" applyFont="1" applyFill="1" applyBorder="1" applyAlignment="1">
      <alignment horizontal="center" vertical="center" shrinkToFit="1"/>
    </xf>
    <xf numFmtId="0" fontId="27" fillId="2" borderId="25" xfId="6" applyFont="1" applyFill="1" applyBorder="1" applyAlignment="1">
      <alignment horizontal="center" vertical="center" shrinkToFit="1"/>
    </xf>
    <xf numFmtId="0" fontId="28" fillId="2" borderId="78" xfId="6" applyFont="1" applyFill="1" applyBorder="1" applyAlignment="1">
      <alignment horizontal="center" vertical="center"/>
    </xf>
    <xf numFmtId="0" fontId="24" fillId="2" borderId="139" xfId="4" applyFont="1" applyFill="1" applyBorder="1" applyAlignment="1">
      <alignment horizontal="left" vertical="center" wrapText="1"/>
    </xf>
    <xf numFmtId="0" fontId="24" fillId="2" borderId="140" xfId="4" applyFont="1" applyFill="1" applyBorder="1" applyAlignment="1">
      <alignment horizontal="left" vertical="center"/>
    </xf>
    <xf numFmtId="0" fontId="24" fillId="2" borderId="141" xfId="4" applyFont="1" applyFill="1" applyBorder="1" applyAlignment="1">
      <alignment horizontal="left" vertical="center"/>
    </xf>
    <xf numFmtId="0" fontId="24" fillId="2" borderId="142" xfId="4" applyFont="1" applyFill="1" applyBorder="1" applyAlignment="1">
      <alignment horizontal="left" vertical="center"/>
    </xf>
    <xf numFmtId="0" fontId="24" fillId="2" borderId="143" xfId="4" applyFont="1" applyFill="1" applyBorder="1" applyAlignment="1">
      <alignment horizontal="left" vertical="center"/>
    </xf>
    <xf numFmtId="0" fontId="24" fillId="2" borderId="144" xfId="4" applyFont="1" applyFill="1" applyBorder="1" applyAlignment="1">
      <alignment horizontal="left" vertical="center"/>
    </xf>
    <xf numFmtId="0" fontId="24" fillId="2" borderId="12" xfId="6" applyFont="1" applyFill="1" applyBorder="1" applyAlignment="1">
      <alignment horizontal="center" vertical="center"/>
    </xf>
    <xf numFmtId="0" fontId="24" fillId="2" borderId="17" xfId="6" applyFont="1" applyFill="1" applyBorder="1" applyAlignment="1">
      <alignment horizontal="center" vertical="center"/>
    </xf>
    <xf numFmtId="0" fontId="25" fillId="2" borderId="10" xfId="4" applyFont="1" applyFill="1" applyBorder="1" applyAlignment="1">
      <alignment horizontal="center" vertical="center" wrapText="1"/>
    </xf>
    <xf numFmtId="0" fontId="25" fillId="2" borderId="19" xfId="4" applyFont="1" applyFill="1" applyBorder="1" applyAlignment="1">
      <alignment horizontal="center" vertical="center" wrapText="1"/>
    </xf>
    <xf numFmtId="0" fontId="25" fillId="2" borderId="27" xfId="4" applyFont="1" applyFill="1" applyBorder="1" applyAlignment="1">
      <alignment horizontal="center" vertical="center" wrapText="1"/>
    </xf>
    <xf numFmtId="0" fontId="25" fillId="2" borderId="10" xfId="4" applyFont="1" applyFill="1" applyBorder="1" applyAlignment="1">
      <alignment horizontal="center" vertical="center"/>
    </xf>
    <xf numFmtId="0" fontId="25" fillId="2" borderId="19" xfId="4" applyFont="1" applyFill="1" applyBorder="1" applyAlignment="1">
      <alignment horizontal="center" vertical="center"/>
    </xf>
    <xf numFmtId="0" fontId="25" fillId="2" borderId="55" xfId="4" applyFont="1" applyFill="1" applyBorder="1" applyAlignment="1">
      <alignment horizontal="center" vertical="center" wrapText="1"/>
    </xf>
    <xf numFmtId="0" fontId="25" fillId="2" borderId="88" xfId="4" applyFont="1" applyFill="1" applyBorder="1" applyAlignment="1">
      <alignment horizontal="center" vertical="center"/>
    </xf>
    <xf numFmtId="0" fontId="27" fillId="2" borderId="13" xfId="4" applyFont="1" applyFill="1" applyBorder="1" applyAlignment="1">
      <alignment horizontal="center" vertical="center"/>
    </xf>
    <xf numFmtId="0" fontId="27" fillId="2" borderId="44" xfId="4" applyFont="1" applyFill="1" applyBorder="1" applyAlignment="1">
      <alignment horizontal="center" vertical="center"/>
    </xf>
    <xf numFmtId="0" fontId="27" fillId="2" borderId="10" xfId="4" applyFont="1" applyFill="1" applyBorder="1" applyAlignment="1">
      <alignment horizontal="center" vertical="center"/>
    </xf>
    <xf numFmtId="0" fontId="27" fillId="2" borderId="36" xfId="4" applyFont="1" applyFill="1" applyBorder="1" applyAlignment="1">
      <alignment horizontal="center" vertical="center"/>
    </xf>
    <xf numFmtId="0" fontId="27" fillId="2" borderId="21" xfId="4" applyFont="1" applyFill="1" applyBorder="1" applyAlignment="1">
      <alignment horizontal="center" vertical="center"/>
    </xf>
    <xf numFmtId="0" fontId="27" fillId="2" borderId="120" xfId="4" applyFont="1" applyFill="1" applyBorder="1" applyAlignment="1">
      <alignment horizontal="center" vertical="center"/>
    </xf>
    <xf numFmtId="0" fontId="25" fillId="2" borderId="12" xfId="4" applyFont="1" applyFill="1" applyBorder="1" applyAlignment="1">
      <alignment horizontal="center" vertical="center"/>
    </xf>
    <xf numFmtId="0" fontId="27" fillId="2" borderId="50" xfId="4" applyFont="1" applyFill="1" applyBorder="1" applyAlignment="1">
      <alignment horizontal="center" vertical="center"/>
    </xf>
    <xf numFmtId="0" fontId="27" fillId="2" borderId="34" xfId="4" applyFont="1" applyFill="1" applyBorder="1" applyAlignment="1">
      <alignment horizontal="center" vertical="center"/>
    </xf>
    <xf numFmtId="0" fontId="27" fillId="2" borderId="39" xfId="4" applyFont="1" applyFill="1" applyBorder="1" applyAlignment="1">
      <alignment horizontal="center" vertical="center"/>
    </xf>
    <xf numFmtId="0" fontId="27" fillId="2" borderId="30" xfId="4" applyFont="1" applyFill="1" applyBorder="1" applyAlignment="1">
      <alignment horizontal="center" vertical="center"/>
    </xf>
    <xf numFmtId="0" fontId="27" fillId="2" borderId="52" xfId="4" applyFont="1" applyFill="1" applyBorder="1" applyAlignment="1">
      <alignment horizontal="center" vertical="center"/>
    </xf>
    <xf numFmtId="0" fontId="27" fillId="2" borderId="35" xfId="4" applyFont="1" applyFill="1" applyBorder="1" applyAlignment="1">
      <alignment horizontal="center" vertical="center"/>
    </xf>
    <xf numFmtId="0" fontId="25" fillId="2" borderId="115" xfId="4" applyFont="1" applyFill="1" applyBorder="1" applyAlignment="1">
      <alignment horizontal="center" vertical="center"/>
    </xf>
    <xf numFmtId="0" fontId="27" fillId="2" borderId="114" xfId="4" applyFont="1" applyFill="1" applyBorder="1" applyAlignment="1">
      <alignment horizontal="center" vertical="center"/>
    </xf>
    <xf numFmtId="0" fontId="27" fillId="2" borderId="107" xfId="4" applyFont="1" applyFill="1" applyBorder="1" applyAlignment="1">
      <alignment horizontal="center" vertical="center"/>
    </xf>
    <xf numFmtId="0" fontId="27" fillId="2" borderId="106" xfId="4" applyFont="1" applyFill="1" applyBorder="1" applyAlignment="1">
      <alignment horizontal="center" vertical="center"/>
    </xf>
    <xf numFmtId="0" fontId="27" fillId="2" borderId="47" xfId="4" applyFont="1" applyFill="1" applyBorder="1" applyAlignment="1">
      <alignment horizontal="center" vertical="center"/>
    </xf>
    <xf numFmtId="0" fontId="27" fillId="2" borderId="58" xfId="4" applyFont="1" applyFill="1" applyBorder="1" applyAlignment="1">
      <alignment horizontal="center" vertical="center"/>
    </xf>
    <xf numFmtId="0" fontId="25" fillId="2" borderId="101" xfId="4" applyFont="1" applyFill="1" applyBorder="1" applyAlignment="1">
      <alignment horizontal="center" vertical="center"/>
    </xf>
    <xf numFmtId="0" fontId="27" fillId="2" borderId="100" xfId="4" applyFont="1" applyFill="1" applyBorder="1" applyAlignment="1">
      <alignment horizontal="center" vertical="center"/>
    </xf>
    <xf numFmtId="0" fontId="27" fillId="2" borderId="99" xfId="4" applyFont="1" applyFill="1" applyBorder="1" applyAlignment="1">
      <alignment horizontal="center" vertical="center"/>
    </xf>
    <xf numFmtId="0" fontId="23" fillId="0" borderId="0" xfId="14" applyFill="1" applyAlignment="1">
      <alignment horizontal="center" vertical="center" wrapText="1"/>
    </xf>
    <xf numFmtId="0" fontId="10" fillId="0" borderId="0" xfId="4" applyFont="1" applyFill="1" applyAlignment="1">
      <alignment horizontal="center" vertical="center" wrapText="1"/>
    </xf>
    <xf numFmtId="0" fontId="25" fillId="2" borderId="0" xfId="4" applyFont="1" applyFill="1" applyAlignment="1">
      <alignment horizontal="center" vertical="center" wrapText="1"/>
    </xf>
    <xf numFmtId="0" fontId="27" fillId="2" borderId="94" xfId="6" applyFont="1" applyFill="1" applyBorder="1" applyAlignment="1">
      <alignment horizontal="left" vertical="center" wrapText="1"/>
    </xf>
    <xf numFmtId="0" fontId="27" fillId="2" borderId="93" xfId="6" applyFont="1" applyFill="1" applyBorder="1" applyAlignment="1">
      <alignment horizontal="left" vertical="center"/>
    </xf>
    <xf numFmtId="0" fontId="27" fillId="2" borderId="92" xfId="6" applyFont="1" applyFill="1" applyBorder="1" applyAlignment="1">
      <alignment horizontal="left" vertical="center"/>
    </xf>
    <xf numFmtId="0" fontId="27" fillId="2" borderId="91" xfId="6" applyFont="1" applyFill="1" applyBorder="1" applyAlignment="1">
      <alignment horizontal="left" vertical="center"/>
    </xf>
    <xf numFmtId="0" fontId="27" fillId="2" borderId="90" xfId="6" applyFont="1" applyFill="1" applyBorder="1" applyAlignment="1">
      <alignment horizontal="left" vertical="center"/>
    </xf>
    <xf numFmtId="0" fontId="27" fillId="2" borderId="89" xfId="6" applyFont="1" applyFill="1" applyBorder="1" applyAlignment="1">
      <alignment horizontal="left" vertical="center"/>
    </xf>
    <xf numFmtId="176" fontId="25" fillId="2" borderId="56" xfId="6" applyNumberFormat="1" applyFont="1" applyFill="1" applyBorder="1" applyAlignment="1">
      <alignment horizontal="right" vertical="center"/>
    </xf>
    <xf numFmtId="0" fontId="25" fillId="2" borderId="124" xfId="6" applyFont="1" applyFill="1" applyBorder="1" applyAlignment="1">
      <alignment horizontal="center" vertical="center"/>
    </xf>
    <xf numFmtId="0" fontId="25" fillId="2" borderId="122" xfId="6" applyFont="1" applyFill="1" applyBorder="1" applyAlignment="1">
      <alignment horizontal="center" vertical="center"/>
    </xf>
    <xf numFmtId="0" fontId="25" fillId="2" borderId="17" xfId="6" applyFont="1" applyFill="1" applyBorder="1" applyAlignment="1">
      <alignment horizontal="center" vertical="center"/>
    </xf>
    <xf numFmtId="0" fontId="29" fillId="2" borderId="127" xfId="6" applyFont="1" applyFill="1" applyBorder="1" applyAlignment="1">
      <alignment horizontal="center" vertical="center"/>
    </xf>
    <xf numFmtId="0" fontId="29" fillId="2" borderId="110" xfId="6" applyFont="1" applyFill="1" applyBorder="1" applyAlignment="1">
      <alignment horizontal="center" vertical="center"/>
    </xf>
    <xf numFmtId="0" fontId="29" fillId="2" borderId="2" xfId="6" applyFont="1" applyFill="1" applyBorder="1" applyAlignment="1">
      <alignment horizontal="center" vertical="center"/>
    </xf>
    <xf numFmtId="0" fontId="29" fillId="2" borderId="9" xfId="6" applyFont="1" applyFill="1" applyBorder="1" applyAlignment="1">
      <alignment horizontal="center" vertical="center"/>
    </xf>
    <xf numFmtId="0" fontId="25" fillId="2" borderId="11" xfId="6" applyFont="1" applyFill="1" applyBorder="1" applyAlignment="1">
      <alignment horizontal="center" vertical="center"/>
    </xf>
    <xf numFmtId="0" fontId="25" fillId="2" borderId="2" xfId="6" applyFont="1" applyFill="1" applyBorder="1" applyAlignment="1">
      <alignment horizontal="center" vertical="center"/>
    </xf>
    <xf numFmtId="0" fontId="25" fillId="2" borderId="9" xfId="6" applyFont="1" applyFill="1" applyBorder="1" applyAlignment="1">
      <alignment horizontal="center" vertical="center"/>
    </xf>
    <xf numFmtId="0" fontId="25" fillId="2" borderId="70" xfId="6" applyFont="1" applyFill="1" applyBorder="1" applyAlignment="1">
      <alignment horizontal="center" vertical="center"/>
    </xf>
    <xf numFmtId="0" fontId="25" fillId="2" borderId="57" xfId="6" applyFont="1" applyFill="1" applyBorder="1" applyAlignment="1">
      <alignment horizontal="center" vertical="center"/>
    </xf>
    <xf numFmtId="0" fontId="25" fillId="2" borderId="42" xfId="6" applyFont="1" applyFill="1" applyBorder="1" applyAlignment="1">
      <alignment horizontal="center" vertical="center"/>
    </xf>
    <xf numFmtId="0" fontId="25" fillId="2" borderId="43" xfId="6" applyFont="1" applyFill="1" applyBorder="1" applyAlignment="1">
      <alignment horizontal="center" vertical="center"/>
    </xf>
    <xf numFmtId="0" fontId="25" fillId="2" borderId="128" xfId="6" applyFont="1" applyFill="1" applyBorder="1" applyAlignment="1">
      <alignment horizontal="center" vertical="center"/>
    </xf>
    <xf numFmtId="0" fontId="25" fillId="2" borderId="116" xfId="6" applyFont="1" applyFill="1" applyBorder="1" applyAlignment="1">
      <alignment horizontal="center" vertical="center"/>
    </xf>
    <xf numFmtId="38" fontId="25" fillId="2" borderId="123" xfId="2" applyFont="1" applyFill="1" applyBorder="1" applyAlignment="1">
      <alignment vertical="center"/>
    </xf>
    <xf numFmtId="0" fontId="31" fillId="2" borderId="56" xfId="4" applyFont="1" applyFill="1" applyBorder="1" applyAlignment="1">
      <alignment horizontal="right" vertical="center"/>
    </xf>
    <xf numFmtId="0" fontId="27" fillId="2" borderId="70" xfId="6" applyFont="1" applyFill="1" applyBorder="1" applyAlignment="1">
      <alignment horizontal="center" vertical="center" wrapText="1"/>
    </xf>
    <xf numFmtId="0" fontId="31" fillId="2" borderId="56" xfId="4" applyFont="1" applyFill="1" applyBorder="1" applyAlignment="1">
      <alignment horizontal="center" vertical="center" wrapText="1"/>
    </xf>
    <xf numFmtId="0" fontId="31" fillId="2" borderId="42" xfId="4" applyFont="1" applyFill="1" applyBorder="1" applyAlignment="1">
      <alignment horizontal="center" vertical="center" wrapText="1"/>
    </xf>
    <xf numFmtId="0" fontId="31" fillId="2" borderId="33" xfId="4" applyFont="1" applyFill="1" applyBorder="1" applyAlignment="1">
      <alignment horizontal="center" vertical="center" wrapText="1"/>
    </xf>
    <xf numFmtId="176" fontId="25" fillId="2" borderId="4" xfId="6" applyNumberFormat="1" applyFont="1" applyFill="1" applyBorder="1" applyAlignment="1">
      <alignment horizontal="right" vertical="center"/>
    </xf>
    <xf numFmtId="0" fontId="31" fillId="2" borderId="4" xfId="4" applyFont="1" applyFill="1" applyBorder="1" applyAlignment="1">
      <alignment vertical="center"/>
    </xf>
    <xf numFmtId="176" fontId="25" fillId="2" borderId="0" xfId="6" applyNumberFormat="1" applyFont="1" applyFill="1" applyBorder="1" applyAlignment="1">
      <alignment horizontal="right" vertical="center"/>
    </xf>
    <xf numFmtId="0" fontId="31" fillId="2" borderId="0" xfId="4" applyFont="1" applyFill="1" applyBorder="1" applyAlignment="1">
      <alignment horizontal="right" vertical="center"/>
    </xf>
    <xf numFmtId="0" fontId="31" fillId="2" borderId="0" xfId="4" applyFont="1" applyFill="1" applyAlignment="1">
      <alignment horizontal="right" vertical="center"/>
    </xf>
    <xf numFmtId="176" fontId="25" fillId="2" borderId="4" xfId="4" applyNumberFormat="1" applyFont="1" applyFill="1" applyBorder="1" applyAlignment="1">
      <alignment vertical="center"/>
    </xf>
    <xf numFmtId="0" fontId="31" fillId="2" borderId="4" xfId="4" applyFont="1" applyFill="1" applyBorder="1" applyAlignment="1">
      <alignment horizontal="right" vertical="center"/>
    </xf>
    <xf numFmtId="0" fontId="27" fillId="2" borderId="4" xfId="6" applyFont="1" applyFill="1" applyBorder="1" applyAlignment="1">
      <alignment horizontal="center" vertical="center" wrapText="1"/>
    </xf>
    <xf numFmtId="0" fontId="31" fillId="2" borderId="11" xfId="4" applyFont="1" applyFill="1" applyBorder="1" applyAlignment="1">
      <alignment horizontal="center" vertical="center" wrapText="1"/>
    </xf>
    <xf numFmtId="0" fontId="27" fillId="2" borderId="0" xfId="6" applyFont="1" applyFill="1" applyBorder="1" applyAlignment="1">
      <alignment horizontal="center" vertical="center" wrapText="1"/>
    </xf>
    <xf numFmtId="0" fontId="31" fillId="2" borderId="9" xfId="4" applyFont="1" applyFill="1" applyBorder="1" applyAlignment="1">
      <alignment horizontal="center" vertical="center" wrapText="1"/>
    </xf>
    <xf numFmtId="0" fontId="27" fillId="2" borderId="33" xfId="6" applyFont="1" applyFill="1" applyBorder="1" applyAlignment="1">
      <alignment horizontal="center" vertical="center" wrapText="1"/>
    </xf>
    <xf numFmtId="0" fontId="31" fillId="2" borderId="43" xfId="4" applyFont="1" applyFill="1" applyBorder="1" applyAlignment="1">
      <alignment horizontal="center" vertical="center" wrapText="1"/>
    </xf>
    <xf numFmtId="181" fontId="25" fillId="2" borderId="0" xfId="6" applyNumberFormat="1" applyFont="1" applyFill="1" applyBorder="1" applyAlignment="1">
      <alignment horizontal="right" vertical="center"/>
    </xf>
    <xf numFmtId="0" fontId="27" fillId="2" borderId="12" xfId="6" applyFont="1" applyFill="1" applyBorder="1" applyAlignment="1">
      <alignment horizontal="right" vertical="center"/>
    </xf>
    <xf numFmtId="0" fontId="27" fillId="2" borderId="8" xfId="6" applyFont="1" applyFill="1" applyBorder="1" applyAlignment="1">
      <alignment horizontal="right" vertical="center"/>
    </xf>
    <xf numFmtId="0" fontId="27" fillId="2" borderId="17" xfId="6" applyFont="1" applyFill="1" applyBorder="1" applyAlignment="1">
      <alignment horizontal="right" vertical="center"/>
    </xf>
    <xf numFmtId="0" fontId="31" fillId="2" borderId="56" xfId="4" applyFont="1" applyFill="1" applyBorder="1" applyAlignment="1">
      <alignment vertical="center"/>
    </xf>
    <xf numFmtId="0" fontId="24" fillId="2" borderId="0" xfId="4" applyFont="1" applyFill="1" applyAlignment="1">
      <alignment horizontal="right" vertical="center"/>
    </xf>
    <xf numFmtId="0" fontId="27" fillId="2" borderId="70" xfId="4" applyFont="1" applyFill="1" applyBorder="1" applyAlignment="1">
      <alignment horizontal="center" vertical="center"/>
    </xf>
    <xf numFmtId="0" fontId="27" fillId="2" borderId="56" xfId="4" applyFont="1" applyFill="1" applyBorder="1" applyAlignment="1">
      <alignment horizontal="center" vertical="center"/>
    </xf>
    <xf numFmtId="0" fontId="27" fillId="2" borderId="63" xfId="4" applyFont="1" applyFill="1" applyBorder="1" applyAlignment="1">
      <alignment horizontal="center" vertical="center"/>
    </xf>
    <xf numFmtId="0" fontId="27" fillId="2" borderId="57" xfId="4" applyFont="1" applyFill="1" applyBorder="1" applyAlignment="1">
      <alignment horizontal="center" vertical="center"/>
    </xf>
    <xf numFmtId="0" fontId="24" fillId="2" borderId="0" xfId="4" applyFont="1" applyFill="1" applyBorder="1" applyAlignment="1">
      <alignment horizontal="right" vertical="center"/>
    </xf>
    <xf numFmtId="0" fontId="27" fillId="2" borderId="69" xfId="6" applyFont="1" applyFill="1" applyBorder="1" applyAlignment="1">
      <alignment horizontal="center" vertical="center" wrapText="1"/>
    </xf>
    <xf numFmtId="0" fontId="31" fillId="2" borderId="57" xfId="4" applyFont="1" applyFill="1" applyBorder="1" applyAlignment="1">
      <alignment horizontal="center" vertical="center" wrapText="1"/>
    </xf>
    <xf numFmtId="0" fontId="31" fillId="2" borderId="68" xfId="4" applyFont="1" applyFill="1" applyBorder="1" applyAlignment="1">
      <alignment horizontal="center" vertical="center" wrapText="1"/>
    </xf>
    <xf numFmtId="0" fontId="27" fillId="2" borderId="3" xfId="6" applyFont="1" applyFill="1" applyBorder="1" applyAlignment="1">
      <alignment horizontal="center" vertical="center" wrapText="1"/>
    </xf>
    <xf numFmtId="0" fontId="31" fillId="2" borderId="11" xfId="4" applyFont="1" applyFill="1" applyBorder="1" applyAlignment="1">
      <alignment vertical="center" wrapText="1"/>
    </xf>
    <xf numFmtId="0" fontId="27" fillId="2" borderId="2" xfId="6" applyFont="1" applyFill="1" applyBorder="1" applyAlignment="1">
      <alignment horizontal="center" vertical="center" wrapText="1"/>
    </xf>
    <xf numFmtId="0" fontId="31" fillId="2" borderId="9" xfId="4" applyFont="1" applyFill="1" applyBorder="1" applyAlignment="1">
      <alignment vertical="center" wrapText="1"/>
    </xf>
    <xf numFmtId="0" fontId="27" fillId="2" borderId="42" xfId="6" applyFont="1" applyFill="1" applyBorder="1" applyAlignment="1">
      <alignment horizontal="center" vertical="center" wrapText="1"/>
    </xf>
    <xf numFmtId="0" fontId="31" fillId="2" borderId="43" xfId="4" applyFont="1" applyFill="1" applyBorder="1" applyAlignment="1">
      <alignment vertical="center" wrapText="1"/>
    </xf>
    <xf numFmtId="0" fontId="27" fillId="2" borderId="36" xfId="6" applyFont="1" applyFill="1" applyBorder="1" applyAlignment="1">
      <alignment horizontal="center" vertical="center"/>
    </xf>
    <xf numFmtId="0" fontId="27" fillId="2" borderId="37" xfId="6" applyFont="1" applyFill="1" applyBorder="1" applyAlignment="1">
      <alignment horizontal="center" vertical="center"/>
    </xf>
    <xf numFmtId="0" fontId="27" fillId="2" borderId="38" xfId="6" applyFont="1" applyFill="1" applyBorder="1" applyAlignment="1">
      <alignment horizontal="center" vertical="center"/>
    </xf>
    <xf numFmtId="0" fontId="27" fillId="2" borderId="32" xfId="6" applyFont="1" applyFill="1" applyBorder="1" applyAlignment="1">
      <alignment horizontal="right" vertical="center"/>
    </xf>
    <xf numFmtId="176" fontId="25" fillId="2" borderId="3" xfId="6" applyNumberFormat="1" applyFont="1" applyFill="1" applyBorder="1" applyAlignment="1">
      <alignment vertical="center"/>
    </xf>
    <xf numFmtId="176" fontId="25" fillId="2" borderId="67" xfId="6" applyNumberFormat="1" applyFont="1" applyFill="1" applyBorder="1" applyAlignment="1">
      <alignment horizontal="right" vertical="center"/>
    </xf>
    <xf numFmtId="0" fontId="31" fillId="2" borderId="4" xfId="4" applyFont="1" applyFill="1" applyBorder="1" applyAlignment="1">
      <alignment vertical="center" wrapText="1"/>
    </xf>
    <xf numFmtId="0" fontId="31" fillId="2" borderId="2" xfId="4" applyFont="1" applyFill="1" applyBorder="1" applyAlignment="1">
      <alignment vertical="center" wrapText="1"/>
    </xf>
    <xf numFmtId="0" fontId="31" fillId="2" borderId="0" xfId="4" applyFont="1" applyFill="1" applyBorder="1" applyAlignment="1">
      <alignment vertical="center" wrapText="1"/>
    </xf>
    <xf numFmtId="0" fontId="31" fillId="2" borderId="42" xfId="4" applyFont="1" applyFill="1" applyBorder="1" applyAlignment="1">
      <alignment vertical="center" wrapText="1"/>
    </xf>
    <xf numFmtId="0" fontId="31" fillId="2" borderId="33" xfId="4" applyFont="1" applyFill="1" applyBorder="1" applyAlignment="1">
      <alignment vertical="center" wrapText="1"/>
    </xf>
    <xf numFmtId="0" fontId="27" fillId="2" borderId="69" xfId="4" applyFont="1" applyFill="1" applyBorder="1" applyAlignment="1">
      <alignment horizontal="center" vertical="center"/>
    </xf>
    <xf numFmtId="0" fontId="27" fillId="2" borderId="3" xfId="4" applyFont="1" applyFill="1" applyBorder="1" applyAlignment="1">
      <alignment horizontal="center" vertical="center"/>
    </xf>
    <xf numFmtId="0" fontId="31" fillId="2" borderId="11" xfId="4" applyFont="1" applyFill="1" applyBorder="1" applyAlignment="1">
      <alignment vertical="center"/>
    </xf>
    <xf numFmtId="0" fontId="31" fillId="2" borderId="2" xfId="4" applyFont="1" applyFill="1" applyBorder="1" applyAlignment="1">
      <alignment vertical="center"/>
    </xf>
    <xf numFmtId="0" fontId="31" fillId="2" borderId="0" xfId="4" applyFont="1" applyFill="1" applyBorder="1" applyAlignment="1">
      <alignment vertical="center"/>
    </xf>
    <xf numFmtId="0" fontId="31" fillId="2" borderId="9" xfId="4" applyFont="1" applyFill="1" applyBorder="1" applyAlignment="1">
      <alignment vertical="center"/>
    </xf>
    <xf numFmtId="0" fontId="31" fillId="2" borderId="42" xfId="4" applyFont="1" applyFill="1" applyBorder="1" applyAlignment="1">
      <alignment vertical="center"/>
    </xf>
    <xf numFmtId="0" fontId="31" fillId="2" borderId="33" xfId="4" applyFont="1" applyFill="1" applyBorder="1" applyAlignment="1">
      <alignment vertical="center"/>
    </xf>
    <xf numFmtId="0" fontId="31" fillId="2" borderId="43" xfId="4" applyFont="1" applyFill="1" applyBorder="1" applyAlignment="1">
      <alignment vertical="center"/>
    </xf>
    <xf numFmtId="0" fontId="27" fillId="2" borderId="56" xfId="6" applyFont="1" applyFill="1" applyBorder="1" applyAlignment="1">
      <alignment horizontal="center" vertical="center"/>
    </xf>
    <xf numFmtId="0" fontId="27" fillId="2" borderId="57" xfId="6" applyFont="1" applyFill="1" applyBorder="1" applyAlignment="1">
      <alignment horizontal="center" vertical="center"/>
    </xf>
    <xf numFmtId="0" fontId="27" fillId="2" borderId="12" xfId="6" applyFont="1" applyFill="1" applyBorder="1" applyAlignment="1">
      <alignment horizontal="center" vertical="center"/>
    </xf>
    <xf numFmtId="0" fontId="27" fillId="2" borderId="8" xfId="6" applyFont="1" applyFill="1" applyBorder="1" applyAlignment="1">
      <alignment horizontal="center" vertical="center"/>
    </xf>
    <xf numFmtId="0" fontId="27" fillId="2" borderId="17" xfId="6" applyFont="1" applyFill="1" applyBorder="1" applyAlignment="1">
      <alignment horizontal="center" vertical="center"/>
    </xf>
    <xf numFmtId="181" fontId="25" fillId="2" borderId="2" xfId="6" applyNumberFormat="1" applyFont="1" applyFill="1" applyBorder="1" applyAlignment="1">
      <alignment horizontal="right" vertical="center"/>
    </xf>
    <xf numFmtId="176" fontId="29" fillId="2" borderId="127" xfId="6" applyNumberFormat="1" applyFont="1" applyFill="1" applyBorder="1" applyAlignment="1">
      <alignment horizontal="right" vertical="center"/>
    </xf>
    <xf numFmtId="0" fontId="28" fillId="2" borderId="112" xfId="4" applyFont="1" applyFill="1" applyBorder="1" applyAlignment="1">
      <alignment horizontal="right" vertical="center"/>
    </xf>
    <xf numFmtId="176" fontId="25" fillId="2" borderId="0" xfId="4" applyNumberFormat="1" applyFont="1" applyFill="1" applyBorder="1" applyAlignment="1">
      <alignment vertical="center"/>
    </xf>
    <xf numFmtId="176" fontId="25" fillId="2" borderId="70" xfId="6" applyNumberFormat="1" applyFont="1" applyFill="1" applyBorder="1" applyAlignment="1">
      <alignment horizontal="right" vertical="center"/>
    </xf>
    <xf numFmtId="176" fontId="25" fillId="2" borderId="2" xfId="6" applyNumberFormat="1" applyFont="1" applyFill="1" applyBorder="1" applyAlignment="1">
      <alignment horizontal="right" vertical="center"/>
    </xf>
    <xf numFmtId="176" fontId="25" fillId="2" borderId="56" xfId="4" applyNumberFormat="1" applyFont="1" applyFill="1" applyBorder="1" applyAlignment="1">
      <alignment vertical="center"/>
    </xf>
    <xf numFmtId="181" fontId="25" fillId="2" borderId="4" xfId="4" applyNumberFormat="1" applyFont="1" applyFill="1" applyBorder="1" applyAlignment="1">
      <alignment vertical="center"/>
    </xf>
    <xf numFmtId="176" fontId="25" fillId="2" borderId="3" xfId="6" applyNumberFormat="1" applyFont="1" applyFill="1" applyBorder="1" applyAlignment="1">
      <alignment horizontal="right" vertical="center"/>
    </xf>
    <xf numFmtId="176" fontId="25" fillId="2" borderId="70" xfId="4" applyNumberFormat="1" applyFont="1" applyFill="1" applyBorder="1" applyAlignment="1">
      <alignment vertical="center"/>
    </xf>
    <xf numFmtId="0" fontId="10" fillId="0" borderId="0" xfId="4" applyFont="1" applyFill="1" applyAlignment="1">
      <alignment horizontal="center" vertical="center" shrinkToFit="1"/>
    </xf>
    <xf numFmtId="38" fontId="25" fillId="2" borderId="124" xfId="2" applyFont="1" applyFill="1" applyBorder="1" applyAlignment="1">
      <alignment vertical="center"/>
    </xf>
    <xf numFmtId="38" fontId="24" fillId="2" borderId="123" xfId="2" applyFont="1" applyFill="1" applyBorder="1" applyAlignment="1">
      <alignment vertical="center"/>
    </xf>
    <xf numFmtId="176" fontId="29" fillId="2" borderId="112" xfId="6" applyNumberFormat="1" applyFont="1" applyFill="1" applyBorder="1" applyAlignment="1">
      <alignment horizontal="right" vertical="center"/>
    </xf>
    <xf numFmtId="0" fontId="10" fillId="2" borderId="0" xfId="4" applyFont="1" applyFill="1" applyAlignment="1">
      <alignment horizontal="center" vertical="center"/>
    </xf>
    <xf numFmtId="0" fontId="10" fillId="2" borderId="0" xfId="4" applyFont="1" applyFill="1" applyAlignment="1">
      <alignment horizontal="center"/>
    </xf>
  </cellXfs>
  <cellStyles count="15">
    <cellStyle name="パーセント 2" xfId="1"/>
    <cellStyle name="パーセント 2 2" xfId="10"/>
    <cellStyle name="ハイパーリンク" xfId="14" builtinId="8"/>
    <cellStyle name="桁区切り" xfId="2" builtinId="6"/>
    <cellStyle name="桁区切り 2" xfId="3"/>
    <cellStyle name="桁区切り 2 2" xfId="7"/>
    <cellStyle name="桁区切り 3" xfId="8"/>
    <cellStyle name="桁区切り 4" xfId="12"/>
    <cellStyle name="標準" xfId="0" builtinId="0"/>
    <cellStyle name="標準 2" xfId="4"/>
    <cellStyle name="標準 2 2" xfId="5"/>
    <cellStyle name="標準 3" xfId="9"/>
    <cellStyle name="標準 4" xfId="11"/>
    <cellStyle name="標準 5" xfId="13"/>
    <cellStyle name="標準_9(2)(3)人口増加率" xfId="6"/>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oneCellAnchor>
    <xdr:from>
      <xdr:col>5</xdr:col>
      <xdr:colOff>0</xdr:colOff>
      <xdr:row>1</xdr:row>
      <xdr:rowOff>0</xdr:rowOff>
    </xdr:from>
    <xdr:ext cx="76200" cy="171450"/>
    <xdr:sp macro="" textlink="">
      <xdr:nvSpPr>
        <xdr:cNvPr id="2" name="Text Box 1"/>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3" name="Text Box 2"/>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4" name="Text Box 3"/>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5" name="Text Box 6"/>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6" name="Text Box 1"/>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7" name="Text Box 2"/>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8" name="Text Box 3"/>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xdr:col>
      <xdr:colOff>0</xdr:colOff>
      <xdr:row>1</xdr:row>
      <xdr:rowOff>0</xdr:rowOff>
    </xdr:from>
    <xdr:ext cx="76200" cy="171450"/>
    <xdr:sp macro="" textlink="">
      <xdr:nvSpPr>
        <xdr:cNvPr id="9" name="Text Box 6"/>
        <xdr:cNvSpPr txBox="1">
          <a:spLocks noChangeArrowheads="1"/>
        </xdr:cNvSpPr>
      </xdr:nvSpPr>
      <xdr:spPr bwMode="auto">
        <a:xfrm>
          <a:off x="2987040" y="167640"/>
          <a:ext cx="76200" cy="171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wsDr>
</file>

<file path=xl/drawings/drawing2.xml><?xml version="1.0" encoding="utf-8"?>
<xdr:wsDr xmlns:xdr="http://schemas.openxmlformats.org/drawingml/2006/spreadsheetDrawing" xmlns:a="http://schemas.openxmlformats.org/drawingml/2006/main">
  <xdr:twoCellAnchor editAs="oneCell">
    <xdr:from>
      <xdr:col>0</xdr:col>
      <xdr:colOff>0</xdr:colOff>
      <xdr:row>17</xdr:row>
      <xdr:rowOff>0</xdr:rowOff>
    </xdr:from>
    <xdr:to>
      <xdr:col>8</xdr:col>
      <xdr:colOff>152400</xdr:colOff>
      <xdr:row>49</xdr:row>
      <xdr:rowOff>99060</xdr:rowOff>
    </xdr:to>
    <xdr:pic>
      <xdr:nvPicPr>
        <xdr:cNvPr id="14" name="図 13"/>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0" y="4678680"/>
          <a:ext cx="5486400" cy="546354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04_&#20225;&#30011;&#35519;&#25972;&#35506;/10_&#30476;&#35199;&#22320;&#22495;&#12398;&#27010;&#27841;/&#20196;&#21644;&#65301;&#24180;&#24230;/05_&#36215;&#26696;/&#21407;&#31295;/02_&#20154;&#21475;R&#6530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1)人口 概況"/>
      <sheetName val="2(2)県内地区別（管内）年齢別人口"/>
      <sheetName val="2(3)人口増減の動向 "/>
      <sheetName val="2(4)一般世帯の分類"/>
      <sheetName val="2(5)平均年齢2(6)合計特殊出生率"/>
      <sheetName val="2(7)外国人登録者数"/>
      <sheetName val="2(6)合計特殊出生率"/>
      <sheetName val="Ｒ３のみこっち　2(3)人口増減の動向"/>
    </sheetNames>
    <sheetDataSet>
      <sheetData sheetId="0"/>
      <sheetData sheetId="1"/>
      <sheetData sheetId="2"/>
      <sheetData sheetId="3"/>
      <sheetData sheetId="4"/>
      <sheetData sheetId="5"/>
      <sheetData sheetId="6"/>
      <sheetData sheetId="7"/>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91"/>
  <sheetViews>
    <sheetView view="pageBreakPreview" zoomScale="90" zoomScaleNormal="100" zoomScaleSheetLayoutView="90" workbookViewId="0">
      <selection activeCell="N16" sqref="N16"/>
    </sheetView>
  </sheetViews>
  <sheetFormatPr defaultColWidth="8.109375" defaultRowHeight="13.2"/>
  <cols>
    <col min="1" max="1" width="2.21875" style="27" customWidth="1"/>
    <col min="2" max="2" width="14.33203125" style="27" customWidth="1"/>
    <col min="3" max="6" width="16.109375" style="27" customWidth="1"/>
    <col min="7" max="22" width="8.109375" style="27"/>
    <col min="23" max="16384" width="8.109375" style="1"/>
  </cols>
  <sheetData>
    <row r="1" spans="1:22">
      <c r="A1" s="43"/>
      <c r="B1" s="43"/>
      <c r="C1" s="43"/>
      <c r="D1" s="43"/>
      <c r="E1" s="43"/>
      <c r="F1" s="43"/>
    </row>
    <row r="2" spans="1:22" s="2" customFormat="1" ht="27" customHeight="1">
      <c r="A2" s="44" t="s">
        <v>31</v>
      </c>
      <c r="B2" s="38"/>
      <c r="C2" s="38"/>
      <c r="D2" s="38"/>
      <c r="E2" s="38"/>
      <c r="F2" s="45"/>
      <c r="G2" s="26"/>
      <c r="H2" s="26"/>
      <c r="I2" s="26"/>
      <c r="J2" s="26"/>
      <c r="K2" s="26"/>
      <c r="L2" s="26"/>
      <c r="M2" s="26"/>
      <c r="N2" s="26"/>
      <c r="O2" s="26"/>
      <c r="P2" s="26"/>
      <c r="Q2" s="26"/>
      <c r="R2" s="26"/>
      <c r="S2" s="26"/>
      <c r="T2" s="26"/>
      <c r="U2" s="26"/>
      <c r="V2" s="26"/>
    </row>
    <row r="3" spans="1:22" s="2" customFormat="1" ht="18.75" customHeight="1">
      <c r="A3" s="46" t="s">
        <v>30</v>
      </c>
      <c r="B3" s="38"/>
      <c r="C3" s="38"/>
      <c r="D3" s="38"/>
      <c r="E3" s="38"/>
      <c r="F3" s="38"/>
      <c r="G3" s="26"/>
      <c r="H3" s="26"/>
      <c r="I3" s="26"/>
      <c r="J3" s="26"/>
      <c r="K3" s="26"/>
      <c r="L3" s="26"/>
      <c r="M3" s="26"/>
      <c r="N3" s="26"/>
      <c r="O3" s="26"/>
      <c r="P3" s="26"/>
      <c r="Q3" s="26"/>
      <c r="R3" s="26"/>
      <c r="S3" s="26"/>
      <c r="T3" s="26"/>
      <c r="U3" s="26"/>
      <c r="V3" s="26"/>
    </row>
    <row r="4" spans="1:22" s="2" customFormat="1" ht="15" customHeight="1">
      <c r="A4" s="26"/>
      <c r="B4" s="47"/>
      <c r="C4" s="38"/>
      <c r="D4" s="38"/>
      <c r="E4" s="38"/>
      <c r="F4" s="48" t="s">
        <v>157</v>
      </c>
      <c r="G4" s="26"/>
      <c r="H4" s="26"/>
      <c r="I4" s="26"/>
      <c r="J4" s="26"/>
      <c r="K4" s="26"/>
      <c r="L4" s="26"/>
      <c r="M4" s="26"/>
      <c r="N4" s="26"/>
      <c r="O4" s="26"/>
      <c r="P4" s="26"/>
      <c r="Q4" s="26"/>
      <c r="R4" s="26"/>
      <c r="S4" s="26"/>
      <c r="T4" s="26"/>
      <c r="U4" s="26"/>
      <c r="V4" s="26"/>
    </row>
    <row r="5" spans="1:22" ht="19.95" customHeight="1">
      <c r="A5" s="43"/>
      <c r="B5" s="413" t="s">
        <v>136</v>
      </c>
      <c r="C5" s="49" t="s">
        <v>29</v>
      </c>
      <c r="D5" s="50" t="s">
        <v>28</v>
      </c>
      <c r="E5" s="51" t="s">
        <v>27</v>
      </c>
      <c r="F5" s="52" t="s">
        <v>26</v>
      </c>
    </row>
    <row r="6" spans="1:22" ht="19.95" customHeight="1">
      <c r="A6" s="43"/>
      <c r="B6" s="414"/>
      <c r="C6" s="53" t="s">
        <v>25</v>
      </c>
      <c r="D6" s="54" t="s">
        <v>24</v>
      </c>
      <c r="E6" s="55" t="s">
        <v>23</v>
      </c>
      <c r="F6" s="53" t="s">
        <v>138</v>
      </c>
    </row>
    <row r="7" spans="1:22" ht="33.75" customHeight="1">
      <c r="A7" s="43"/>
      <c r="B7" s="52" t="s">
        <v>0</v>
      </c>
      <c r="C7" s="56">
        <v>186808</v>
      </c>
      <c r="D7" s="57">
        <v>84097</v>
      </c>
      <c r="E7" s="58">
        <v>2.2200000000000002</v>
      </c>
      <c r="F7" s="59">
        <v>1644</v>
      </c>
    </row>
    <row r="8" spans="1:22" ht="33.75" customHeight="1">
      <c r="A8" s="43"/>
      <c r="B8" s="60" t="s">
        <v>4</v>
      </c>
      <c r="C8" s="61">
        <v>39907</v>
      </c>
      <c r="D8" s="62">
        <v>16582</v>
      </c>
      <c r="E8" s="63">
        <v>2.41</v>
      </c>
      <c r="F8" s="59">
        <v>517</v>
      </c>
    </row>
    <row r="9" spans="1:22" ht="33.75" customHeight="1">
      <c r="A9" s="43"/>
      <c r="B9" s="64" t="s">
        <v>7</v>
      </c>
      <c r="C9" s="65">
        <v>9001</v>
      </c>
      <c r="D9" s="66">
        <v>3438</v>
      </c>
      <c r="E9" s="67">
        <v>2.62</v>
      </c>
      <c r="F9" s="68">
        <v>450</v>
      </c>
    </row>
    <row r="10" spans="1:22" ht="33.75" customHeight="1">
      <c r="A10" s="43"/>
      <c r="B10" s="64" t="s">
        <v>8</v>
      </c>
      <c r="C10" s="69">
        <v>17264</v>
      </c>
      <c r="D10" s="70">
        <v>7048</v>
      </c>
      <c r="E10" s="71">
        <v>2.4500000000000002</v>
      </c>
      <c r="F10" s="72">
        <v>1201</v>
      </c>
    </row>
    <row r="11" spans="1:22" ht="33.75" customHeight="1">
      <c r="A11" s="43"/>
      <c r="B11" s="64" t="s">
        <v>9</v>
      </c>
      <c r="C11" s="69">
        <v>10437</v>
      </c>
      <c r="D11" s="70">
        <v>4567</v>
      </c>
      <c r="E11" s="71">
        <v>2.29</v>
      </c>
      <c r="F11" s="72">
        <v>276</v>
      </c>
    </row>
    <row r="12" spans="1:22" ht="33.75" customHeight="1">
      <c r="A12" s="43"/>
      <c r="B12" s="64" t="s">
        <v>10</v>
      </c>
      <c r="C12" s="69">
        <v>9332</v>
      </c>
      <c r="D12" s="70">
        <v>3935</v>
      </c>
      <c r="E12" s="71">
        <v>2.37</v>
      </c>
      <c r="F12" s="72">
        <v>42</v>
      </c>
    </row>
    <row r="13" spans="1:22" ht="33.75" customHeight="1">
      <c r="A13" s="43"/>
      <c r="B13" s="73" t="s">
        <v>11</v>
      </c>
      <c r="C13" s="74">
        <v>18732</v>
      </c>
      <c r="D13" s="75">
        <v>7310</v>
      </c>
      <c r="E13" s="76">
        <v>2.56</v>
      </c>
      <c r="F13" s="77">
        <v>2860</v>
      </c>
    </row>
    <row r="14" spans="1:22" ht="33.75" customHeight="1">
      <c r="A14" s="43"/>
      <c r="B14" s="60" t="s">
        <v>22</v>
      </c>
      <c r="C14" s="61">
        <f>SUM(C9:C13)</f>
        <v>64766</v>
      </c>
      <c r="D14" s="61">
        <f>SUM(D9:D13)</f>
        <v>26298</v>
      </c>
      <c r="E14" s="63">
        <v>2.46</v>
      </c>
      <c r="F14" s="59">
        <v>214</v>
      </c>
    </row>
    <row r="15" spans="1:22" ht="33.75" customHeight="1">
      <c r="A15" s="43"/>
      <c r="B15" s="64" t="s">
        <v>5</v>
      </c>
      <c r="C15" s="78">
        <v>10937</v>
      </c>
      <c r="D15" s="66">
        <v>6373</v>
      </c>
      <c r="E15" s="67">
        <v>1.72</v>
      </c>
      <c r="F15" s="68">
        <v>118</v>
      </c>
    </row>
    <row r="16" spans="1:22" ht="33.75" customHeight="1">
      <c r="A16" s="43"/>
      <c r="B16" s="79" t="s">
        <v>6</v>
      </c>
      <c r="C16" s="69">
        <v>6396</v>
      </c>
      <c r="D16" s="70">
        <v>2925</v>
      </c>
      <c r="E16" s="71">
        <v>2.19</v>
      </c>
      <c r="F16" s="72">
        <v>907</v>
      </c>
    </row>
    <row r="17" spans="1:6" ht="33.75" customHeight="1">
      <c r="A17" s="43"/>
      <c r="B17" s="80" t="s">
        <v>1</v>
      </c>
      <c r="C17" s="78">
        <v>22649</v>
      </c>
      <c r="D17" s="81">
        <v>10799</v>
      </c>
      <c r="E17" s="82">
        <v>2.1</v>
      </c>
      <c r="F17" s="77">
        <v>553</v>
      </c>
    </row>
    <row r="18" spans="1:6" ht="33.75" customHeight="1" thickBot="1">
      <c r="A18" s="43"/>
      <c r="B18" s="83" t="s">
        <v>21</v>
      </c>
      <c r="C18" s="84">
        <f>SUM(C15:C17)</f>
        <v>39982</v>
      </c>
      <c r="D18" s="85">
        <f>SUM(D15:D17)</f>
        <v>20097</v>
      </c>
      <c r="E18" s="86">
        <v>1.99</v>
      </c>
      <c r="F18" s="84">
        <v>284</v>
      </c>
    </row>
    <row r="19" spans="1:6" ht="40.5" customHeight="1" thickBot="1">
      <c r="A19" s="43"/>
      <c r="B19" s="87" t="s">
        <v>20</v>
      </c>
      <c r="C19" s="88">
        <f>SUM(C7:C8,C14,C18)</f>
        <v>331463</v>
      </c>
      <c r="D19" s="88">
        <f>SUM(D7:D8,D14,D18)</f>
        <v>147074</v>
      </c>
      <c r="E19" s="89">
        <v>2.25</v>
      </c>
      <c r="F19" s="90">
        <v>522</v>
      </c>
    </row>
    <row r="20" spans="1:6" ht="41.25" customHeight="1" thickTop="1">
      <c r="A20" s="43"/>
      <c r="B20" s="91" t="s">
        <v>19</v>
      </c>
      <c r="C20" s="92">
        <v>9222108</v>
      </c>
      <c r="D20" s="93">
        <v>4329691</v>
      </c>
      <c r="E20" s="94">
        <v>2.13</v>
      </c>
      <c r="F20" s="95">
        <v>3817</v>
      </c>
    </row>
    <row r="21" spans="1:6" ht="15" customHeight="1">
      <c r="A21" s="43"/>
      <c r="B21" s="96"/>
      <c r="C21" s="97" t="s">
        <v>139</v>
      </c>
      <c r="D21" s="43"/>
      <c r="E21" s="43"/>
      <c r="F21" s="48" t="s">
        <v>140</v>
      </c>
    </row>
    <row r="22" spans="1:6" ht="6.6" customHeight="1">
      <c r="A22" s="43"/>
      <c r="B22" s="96"/>
      <c r="C22" s="97"/>
      <c r="D22" s="43"/>
      <c r="E22" s="43"/>
      <c r="F22" s="48"/>
    </row>
    <row r="23" spans="1:6" ht="15" customHeight="1">
      <c r="A23" s="43"/>
      <c r="B23" s="96" t="s">
        <v>155</v>
      </c>
      <c r="C23" s="97"/>
      <c r="D23" s="43"/>
      <c r="E23" s="43"/>
      <c r="F23" s="48"/>
    </row>
    <row r="24" spans="1:6" ht="15" customHeight="1">
      <c r="A24" s="43"/>
      <c r="B24" s="96" t="s">
        <v>156</v>
      </c>
      <c r="C24" s="43"/>
      <c r="D24" s="43"/>
      <c r="E24" s="43"/>
      <c r="F24" s="43"/>
    </row>
    <row r="25" spans="1:6">
      <c r="A25" s="1"/>
    </row>
    <row r="26" spans="1:6">
      <c r="A26" s="1"/>
    </row>
    <row r="27" spans="1:6">
      <c r="A27" s="1"/>
    </row>
    <row r="28" spans="1:6">
      <c r="A28" s="1"/>
    </row>
    <row r="29" spans="1:6">
      <c r="A29" s="1"/>
    </row>
    <row r="30" spans="1:6">
      <c r="A30" s="1"/>
    </row>
    <row r="31" spans="1:6">
      <c r="A31" s="1"/>
    </row>
    <row r="32" spans="1:6">
      <c r="A32" s="1"/>
    </row>
    <row r="33" spans="1:1">
      <c r="A33" s="1"/>
    </row>
    <row r="89" spans="3:8" ht="13.2" customHeight="1">
      <c r="C89" s="415" t="s">
        <v>152</v>
      </c>
      <c r="D89" s="415"/>
      <c r="E89" s="415"/>
      <c r="F89" s="415"/>
      <c r="H89" s="27" t="s">
        <v>147</v>
      </c>
    </row>
    <row r="90" spans="3:8" ht="12" customHeight="1">
      <c r="C90" s="415" t="s">
        <v>52</v>
      </c>
      <c r="D90" s="415"/>
      <c r="E90" s="415"/>
      <c r="F90" s="415"/>
      <c r="H90" s="27" t="s">
        <v>150</v>
      </c>
    </row>
    <row r="91" spans="3:8">
      <c r="C91" s="27" t="s">
        <v>151</v>
      </c>
    </row>
  </sheetData>
  <mergeCells count="3">
    <mergeCell ref="B5:B6"/>
    <mergeCell ref="C89:F89"/>
    <mergeCell ref="C90:F90"/>
  </mergeCells>
  <phoneticPr fontId="5"/>
  <pageMargins left="0.74803149606299213" right="0.78740157480314965" top="0.59055118110236227" bottom="0.59055118110236227" header="0.51181102362204722" footer="0.19685039370078741"/>
  <pageSetup paperSize="9" firstPageNumber="14" fitToHeight="0" orientation="portrait" blackAndWhite="1" useFirstPageNumber="1" r:id="rId1"/>
  <headerFooter scaleWithDoc="0" alignWithMargins="0">
    <oddFooter xml:space="preserve">&amp;C&amp;P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91"/>
  <sheetViews>
    <sheetView view="pageBreakPreview" topLeftCell="A22" zoomScaleNormal="110" zoomScaleSheetLayoutView="100" workbookViewId="0">
      <selection activeCell="H26" sqref="H26"/>
    </sheetView>
  </sheetViews>
  <sheetFormatPr defaultColWidth="8.109375" defaultRowHeight="13.2"/>
  <cols>
    <col min="1" max="1" width="2.21875" style="3" customWidth="1"/>
    <col min="2" max="3" width="6.21875" style="3" customWidth="1"/>
    <col min="4" max="4" width="11.21875" style="5" customWidth="1"/>
    <col min="5" max="8" width="10.88671875" style="3" customWidth="1"/>
    <col min="9" max="11" width="7.109375" style="3" customWidth="1"/>
    <col min="12" max="24" width="8.109375" style="16"/>
    <col min="25" max="16384" width="8.109375" style="3"/>
  </cols>
  <sheetData>
    <row r="1" spans="1:24" ht="13.5" customHeight="1">
      <c r="A1" s="98"/>
      <c r="B1" s="98"/>
      <c r="C1" s="98"/>
      <c r="D1" s="99"/>
      <c r="E1" s="98"/>
      <c r="F1" s="98"/>
      <c r="G1" s="98"/>
      <c r="H1" s="98"/>
      <c r="I1" s="98"/>
      <c r="J1" s="98"/>
      <c r="K1" s="98"/>
    </row>
    <row r="2" spans="1:24" ht="18.75" customHeight="1">
      <c r="A2" s="100" t="s">
        <v>51</v>
      </c>
      <c r="B2" s="98"/>
      <c r="C2" s="98"/>
      <c r="D2" s="99"/>
      <c r="E2" s="98"/>
      <c r="F2" s="98"/>
      <c r="G2" s="98"/>
      <c r="H2" s="98"/>
      <c r="I2" s="98"/>
      <c r="J2" s="98"/>
      <c r="K2" s="98"/>
    </row>
    <row r="3" spans="1:24" ht="15" customHeight="1">
      <c r="A3" s="98"/>
      <c r="B3" s="98"/>
      <c r="C3" s="98"/>
      <c r="D3" s="99"/>
      <c r="E3" s="98"/>
      <c r="F3" s="98"/>
      <c r="G3" s="98"/>
      <c r="H3" s="98"/>
      <c r="I3" s="98"/>
      <c r="J3" s="98"/>
      <c r="K3" s="101" t="s">
        <v>158</v>
      </c>
    </row>
    <row r="4" spans="1:24" ht="18.75" customHeight="1">
      <c r="A4" s="98"/>
      <c r="B4" s="442" t="s">
        <v>134</v>
      </c>
      <c r="C4" s="443"/>
      <c r="D4" s="422" t="s">
        <v>50</v>
      </c>
      <c r="E4" s="438"/>
      <c r="F4" s="438"/>
      <c r="G4" s="438"/>
      <c r="H4" s="423"/>
      <c r="I4" s="416" t="s">
        <v>49</v>
      </c>
      <c r="J4" s="426"/>
      <c r="K4" s="417"/>
    </row>
    <row r="5" spans="1:24" ht="30" customHeight="1">
      <c r="A5" s="98"/>
      <c r="B5" s="444"/>
      <c r="C5" s="445"/>
      <c r="D5" s="427" t="s">
        <v>48</v>
      </c>
      <c r="E5" s="433" t="s">
        <v>47</v>
      </c>
      <c r="F5" s="429" t="s">
        <v>167</v>
      </c>
      <c r="G5" s="429" t="s">
        <v>46</v>
      </c>
      <c r="H5" s="431" t="s">
        <v>45</v>
      </c>
      <c r="I5" s="436" t="s">
        <v>44</v>
      </c>
      <c r="J5" s="439" t="s">
        <v>43</v>
      </c>
      <c r="K5" s="424" t="s">
        <v>42</v>
      </c>
    </row>
    <row r="6" spans="1:24" ht="36" customHeight="1">
      <c r="A6" s="98"/>
      <c r="B6" s="446"/>
      <c r="C6" s="447"/>
      <c r="D6" s="428"/>
      <c r="E6" s="434"/>
      <c r="F6" s="430"/>
      <c r="G6" s="430"/>
      <c r="H6" s="432"/>
      <c r="I6" s="437"/>
      <c r="J6" s="440"/>
      <c r="K6" s="425"/>
    </row>
    <row r="7" spans="1:24" s="7" customFormat="1" ht="11.4" customHeight="1">
      <c r="A7" s="102"/>
      <c r="B7" s="422" t="s">
        <v>41</v>
      </c>
      <c r="C7" s="423"/>
      <c r="D7" s="103" t="s">
        <v>40</v>
      </c>
      <c r="E7" s="104" t="s">
        <v>40</v>
      </c>
      <c r="F7" s="105" t="s">
        <v>40</v>
      </c>
      <c r="G7" s="105" t="s">
        <v>40</v>
      </c>
      <c r="H7" s="106"/>
      <c r="I7" s="104" t="s">
        <v>39</v>
      </c>
      <c r="J7" s="105" t="s">
        <v>39</v>
      </c>
      <c r="K7" s="106" t="s">
        <v>39</v>
      </c>
      <c r="L7" s="19"/>
      <c r="M7" s="20"/>
      <c r="N7" s="20"/>
      <c r="O7" s="20"/>
      <c r="P7" s="20"/>
      <c r="Q7" s="20"/>
      <c r="R7" s="20"/>
      <c r="S7" s="20"/>
      <c r="T7" s="20"/>
      <c r="U7" s="20"/>
      <c r="V7" s="20"/>
      <c r="W7" s="20"/>
      <c r="X7" s="20"/>
    </row>
    <row r="8" spans="1:24" ht="27" customHeight="1">
      <c r="A8" s="98"/>
      <c r="B8" s="448"/>
      <c r="C8" s="449"/>
      <c r="D8" s="107">
        <v>188025</v>
      </c>
      <c r="E8" s="108">
        <v>20114</v>
      </c>
      <c r="F8" s="109">
        <v>107847</v>
      </c>
      <c r="G8" s="109">
        <v>56835</v>
      </c>
      <c r="H8" s="110">
        <f>D8-(E8+F8+G8)</f>
        <v>3229</v>
      </c>
      <c r="I8" s="111">
        <f>E8/(E8+F8+G8)*100</f>
        <v>10.884434728024415</v>
      </c>
      <c r="J8" s="112">
        <f>F8/(F8+G8+E8)*100</f>
        <v>58.360029437866622</v>
      </c>
      <c r="K8" s="113">
        <f>G8/(G8+E8+F8)*100</f>
        <v>30.755535834108965</v>
      </c>
    </row>
    <row r="9" spans="1:24" ht="36" customHeight="1">
      <c r="A9" s="98"/>
      <c r="B9" s="416" t="s">
        <v>32</v>
      </c>
      <c r="C9" s="417"/>
      <c r="D9" s="107">
        <v>40332</v>
      </c>
      <c r="E9" s="114">
        <v>4285</v>
      </c>
      <c r="F9" s="115">
        <v>22171</v>
      </c>
      <c r="G9" s="115">
        <v>13476</v>
      </c>
      <c r="H9" s="116">
        <f t="shared" ref="H9:H21" si="0">D9-(E9+F9+G9)</f>
        <v>400</v>
      </c>
      <c r="I9" s="117">
        <f t="shared" ref="I9:I21" si="1">E9/(E9+F9+G9)*100</f>
        <v>10.730742261845137</v>
      </c>
      <c r="J9" s="118">
        <f t="shared" ref="J9:J21" si="2">F9/(F9+G9+E9)*100</f>
        <v>55.521887208254029</v>
      </c>
      <c r="K9" s="119">
        <f t="shared" ref="K9:K21" si="3">G9/(G9+E9+F9)*100</f>
        <v>33.747370529900834</v>
      </c>
    </row>
    <row r="10" spans="1:24" ht="36" customHeight="1">
      <c r="A10" s="98"/>
      <c r="B10" s="422" t="s">
        <v>79</v>
      </c>
      <c r="C10" s="423"/>
      <c r="D10" s="120">
        <v>9100</v>
      </c>
      <c r="E10" s="121">
        <v>798</v>
      </c>
      <c r="F10" s="122">
        <v>4672</v>
      </c>
      <c r="G10" s="122">
        <v>3308</v>
      </c>
      <c r="H10" s="123">
        <f t="shared" si="0"/>
        <v>322</v>
      </c>
      <c r="I10" s="124">
        <f t="shared" si="1"/>
        <v>9.0909090909090917</v>
      </c>
      <c r="J10" s="125">
        <f t="shared" si="2"/>
        <v>53.223969013442698</v>
      </c>
      <c r="K10" s="126">
        <f t="shared" si="3"/>
        <v>37.685121895648209</v>
      </c>
    </row>
    <row r="11" spans="1:24" ht="36" customHeight="1">
      <c r="A11" s="98"/>
      <c r="B11" s="420" t="s">
        <v>78</v>
      </c>
      <c r="C11" s="421"/>
      <c r="D11" s="127">
        <v>17195</v>
      </c>
      <c r="E11" s="128">
        <v>1974</v>
      </c>
      <c r="F11" s="129">
        <v>10100</v>
      </c>
      <c r="G11" s="129">
        <v>5005</v>
      </c>
      <c r="H11" s="130">
        <f t="shared" si="0"/>
        <v>116</v>
      </c>
      <c r="I11" s="117">
        <f t="shared" si="1"/>
        <v>11.558053750219569</v>
      </c>
      <c r="J11" s="118">
        <f t="shared" si="2"/>
        <v>59.136951812166991</v>
      </c>
      <c r="K11" s="119">
        <f t="shared" si="3"/>
        <v>29.304994437613441</v>
      </c>
    </row>
    <row r="12" spans="1:24" ht="36" customHeight="1">
      <c r="A12" s="98"/>
      <c r="B12" s="420" t="s">
        <v>77</v>
      </c>
      <c r="C12" s="421"/>
      <c r="D12" s="127">
        <v>10613</v>
      </c>
      <c r="E12" s="128">
        <v>989</v>
      </c>
      <c r="F12" s="129">
        <v>5836</v>
      </c>
      <c r="G12" s="129">
        <v>3663</v>
      </c>
      <c r="H12" s="130">
        <f t="shared" si="0"/>
        <v>125</v>
      </c>
      <c r="I12" s="131">
        <f t="shared" si="1"/>
        <v>9.4298245614035086</v>
      </c>
      <c r="J12" s="132">
        <f t="shared" si="2"/>
        <v>55.644546147978645</v>
      </c>
      <c r="K12" s="133">
        <f t="shared" si="3"/>
        <v>34.925629290617849</v>
      </c>
    </row>
    <row r="13" spans="1:24" s="6" customFormat="1" ht="36" customHeight="1">
      <c r="A13" s="98"/>
      <c r="B13" s="420" t="s">
        <v>76</v>
      </c>
      <c r="C13" s="421"/>
      <c r="D13" s="127">
        <v>9556</v>
      </c>
      <c r="E13" s="128">
        <v>796</v>
      </c>
      <c r="F13" s="129">
        <v>4834</v>
      </c>
      <c r="G13" s="129">
        <v>3898</v>
      </c>
      <c r="H13" s="130">
        <f t="shared" si="0"/>
        <v>28</v>
      </c>
      <c r="I13" s="117">
        <f t="shared" si="1"/>
        <v>8.3543240973971447</v>
      </c>
      <c r="J13" s="118">
        <f t="shared" si="2"/>
        <v>50.734676742233418</v>
      </c>
      <c r="K13" s="119">
        <f t="shared" si="3"/>
        <v>40.910999160369435</v>
      </c>
      <c r="L13" s="16"/>
      <c r="M13" s="13"/>
      <c r="N13" s="13"/>
      <c r="O13" s="13"/>
      <c r="P13" s="13"/>
      <c r="Q13" s="13"/>
      <c r="R13" s="13"/>
      <c r="S13" s="13"/>
      <c r="T13" s="13"/>
      <c r="U13" s="13"/>
      <c r="V13" s="13"/>
      <c r="W13" s="13"/>
      <c r="X13" s="13"/>
    </row>
    <row r="14" spans="1:24" ht="36" customHeight="1">
      <c r="A14" s="98"/>
      <c r="B14" s="448" t="s">
        <v>75</v>
      </c>
      <c r="C14" s="449"/>
      <c r="D14" s="107">
        <v>18561</v>
      </c>
      <c r="E14" s="108">
        <v>2710</v>
      </c>
      <c r="F14" s="109">
        <v>10952</v>
      </c>
      <c r="G14" s="109">
        <v>4851</v>
      </c>
      <c r="H14" s="110">
        <f t="shared" si="0"/>
        <v>48</v>
      </c>
      <c r="I14" s="134">
        <f t="shared" si="1"/>
        <v>14.63836223194512</v>
      </c>
      <c r="J14" s="135">
        <f t="shared" si="2"/>
        <v>59.158429211905151</v>
      </c>
      <c r="K14" s="136">
        <f t="shared" si="3"/>
        <v>26.203208556149733</v>
      </c>
    </row>
    <row r="15" spans="1:24" ht="36" customHeight="1">
      <c r="A15" s="98"/>
      <c r="B15" s="416" t="s">
        <v>22</v>
      </c>
      <c r="C15" s="417"/>
      <c r="D15" s="137">
        <f>SUM(D10:D14)</f>
        <v>65025</v>
      </c>
      <c r="E15" s="114">
        <f>SUM(E10:E14)</f>
        <v>7267</v>
      </c>
      <c r="F15" s="115">
        <f>SUM(F10:F14)</f>
        <v>36394</v>
      </c>
      <c r="G15" s="115">
        <f>SUM(G10:G14)</f>
        <v>20725</v>
      </c>
      <c r="H15" s="116">
        <f t="shared" si="0"/>
        <v>639</v>
      </c>
      <c r="I15" s="138">
        <f t="shared" si="1"/>
        <v>11.286615102662068</v>
      </c>
      <c r="J15" s="139">
        <f t="shared" si="2"/>
        <v>56.524710340757309</v>
      </c>
      <c r="K15" s="140">
        <f t="shared" si="3"/>
        <v>32.188674556580622</v>
      </c>
    </row>
    <row r="16" spans="1:24" ht="36" customHeight="1">
      <c r="A16" s="98"/>
      <c r="B16" s="422" t="s">
        <v>12</v>
      </c>
      <c r="C16" s="423"/>
      <c r="D16" s="120">
        <v>11082</v>
      </c>
      <c r="E16" s="121">
        <v>637</v>
      </c>
      <c r="F16" s="122">
        <v>5824</v>
      </c>
      <c r="G16" s="122">
        <v>4072</v>
      </c>
      <c r="H16" s="123">
        <f t="shared" si="0"/>
        <v>549</v>
      </c>
      <c r="I16" s="117">
        <f t="shared" si="1"/>
        <v>6.0476597360675965</v>
      </c>
      <c r="J16" s="118">
        <f t="shared" si="2"/>
        <v>55.292889015475176</v>
      </c>
      <c r="K16" s="119">
        <f t="shared" si="3"/>
        <v>38.659451248457231</v>
      </c>
    </row>
    <row r="17" spans="1:11" ht="36" customHeight="1">
      <c r="A17" s="98"/>
      <c r="B17" s="420" t="s">
        <v>38</v>
      </c>
      <c r="C17" s="421"/>
      <c r="D17" s="127">
        <v>6575</v>
      </c>
      <c r="E17" s="128">
        <v>431</v>
      </c>
      <c r="F17" s="129">
        <v>3220</v>
      </c>
      <c r="G17" s="129">
        <v>2917</v>
      </c>
      <c r="H17" s="130">
        <f t="shared" si="0"/>
        <v>7</v>
      </c>
      <c r="I17" s="131">
        <f t="shared" si="1"/>
        <v>6.5621193666260655</v>
      </c>
      <c r="J17" s="132">
        <f t="shared" si="2"/>
        <v>49.025578562728377</v>
      </c>
      <c r="K17" s="133">
        <f t="shared" si="3"/>
        <v>44.412302070645552</v>
      </c>
    </row>
    <row r="18" spans="1:11" ht="36" customHeight="1">
      <c r="A18" s="98"/>
      <c r="B18" s="448" t="s">
        <v>37</v>
      </c>
      <c r="C18" s="449"/>
      <c r="D18" s="107">
        <v>23041</v>
      </c>
      <c r="E18" s="108">
        <v>1636</v>
      </c>
      <c r="F18" s="109">
        <v>11221</v>
      </c>
      <c r="G18" s="109">
        <v>9945</v>
      </c>
      <c r="H18" s="110">
        <f t="shared" si="0"/>
        <v>239</v>
      </c>
      <c r="I18" s="117">
        <f t="shared" si="1"/>
        <v>7.1748092272607673</v>
      </c>
      <c r="J18" s="118">
        <f t="shared" si="2"/>
        <v>49.210595561792822</v>
      </c>
      <c r="K18" s="119">
        <f t="shared" si="3"/>
        <v>43.614595210946412</v>
      </c>
    </row>
    <row r="19" spans="1:11" ht="36" customHeight="1" thickBot="1">
      <c r="A19" s="98"/>
      <c r="B19" s="418" t="s">
        <v>21</v>
      </c>
      <c r="C19" s="419"/>
      <c r="D19" s="141">
        <f>SUM(D16:D18)</f>
        <v>40698</v>
      </c>
      <c r="E19" s="142">
        <f>SUM(E16:E18)</f>
        <v>2704</v>
      </c>
      <c r="F19" s="143">
        <f>SUM(F16:F18)</f>
        <v>20265</v>
      </c>
      <c r="G19" s="143">
        <f>SUM(G16:G18)</f>
        <v>16934</v>
      </c>
      <c r="H19" s="144">
        <f t="shared" si="0"/>
        <v>795</v>
      </c>
      <c r="I19" s="145">
        <f t="shared" si="1"/>
        <v>6.7764328496604271</v>
      </c>
      <c r="J19" s="146">
        <f t="shared" si="2"/>
        <v>50.785655213893691</v>
      </c>
      <c r="K19" s="147">
        <f t="shared" si="3"/>
        <v>42.437911936445886</v>
      </c>
    </row>
    <row r="20" spans="1:11" ht="40.5" customHeight="1" thickBot="1">
      <c r="A20" s="98"/>
      <c r="B20" s="441" t="s">
        <v>36</v>
      </c>
      <c r="C20" s="441"/>
      <c r="D20" s="148">
        <v>334080</v>
      </c>
      <c r="E20" s="149">
        <v>34370</v>
      </c>
      <c r="F20" s="150">
        <v>186677</v>
      </c>
      <c r="G20" s="150">
        <v>107970</v>
      </c>
      <c r="H20" s="151">
        <f t="shared" si="0"/>
        <v>5063</v>
      </c>
      <c r="I20" s="117">
        <f t="shared" si="1"/>
        <v>10.446268733834422</v>
      </c>
      <c r="J20" s="118">
        <f t="shared" si="2"/>
        <v>56.737797742973775</v>
      </c>
      <c r="K20" s="119">
        <f t="shared" si="3"/>
        <v>32.815933523191809</v>
      </c>
    </row>
    <row r="21" spans="1:11" ht="40.5" customHeight="1" thickTop="1">
      <c r="A21" s="98"/>
      <c r="B21" s="448" t="s">
        <v>35</v>
      </c>
      <c r="C21" s="449"/>
      <c r="D21" s="152">
        <v>9231177</v>
      </c>
      <c r="E21" s="153">
        <v>1065999</v>
      </c>
      <c r="F21" s="154">
        <v>5627097</v>
      </c>
      <c r="G21" s="154">
        <v>2324007</v>
      </c>
      <c r="H21" s="155">
        <f t="shared" si="0"/>
        <v>214074</v>
      </c>
      <c r="I21" s="156">
        <f t="shared" si="1"/>
        <v>11.821967654134593</v>
      </c>
      <c r="J21" s="157">
        <f t="shared" si="2"/>
        <v>62.404710248956896</v>
      </c>
      <c r="K21" s="158">
        <f t="shared" si="3"/>
        <v>25.773322096908508</v>
      </c>
    </row>
    <row r="22" spans="1:11" ht="16.5" customHeight="1">
      <c r="A22" s="98"/>
      <c r="B22" s="159"/>
      <c r="C22" s="159"/>
      <c r="D22" s="159"/>
      <c r="E22" s="159"/>
      <c r="F22" s="159"/>
      <c r="G22" s="159"/>
      <c r="H22" s="160"/>
      <c r="I22" s="160"/>
      <c r="J22" s="160"/>
      <c r="K22" s="161" t="s">
        <v>34</v>
      </c>
    </row>
    <row r="23" spans="1:11" ht="24" customHeight="1">
      <c r="A23" s="98"/>
      <c r="B23" s="162" t="s">
        <v>33</v>
      </c>
      <c r="C23" s="98"/>
      <c r="D23" s="99"/>
      <c r="E23" s="98"/>
      <c r="F23" s="98"/>
      <c r="G23" s="98"/>
      <c r="H23" s="98"/>
      <c r="I23" s="98"/>
      <c r="J23" s="98"/>
      <c r="K23" s="98"/>
    </row>
    <row r="25" spans="1:11" s="4" customFormat="1" ht="24" customHeight="1">
      <c r="C25" s="29"/>
      <c r="D25" s="30"/>
      <c r="E25" s="30"/>
      <c r="F25" s="30"/>
      <c r="G25" s="30"/>
      <c r="H25" s="30"/>
    </row>
    <row r="89" spans="3:10" ht="13.2" customHeight="1">
      <c r="C89" s="435" t="s">
        <v>152</v>
      </c>
      <c r="D89" s="435"/>
      <c r="E89" s="435"/>
      <c r="F89" s="435"/>
      <c r="G89" s="435"/>
      <c r="H89" s="435"/>
      <c r="J89" s="3" t="s">
        <v>147</v>
      </c>
    </row>
    <row r="90" spans="3:10" ht="12" customHeight="1">
      <c r="C90" s="435" t="s">
        <v>52</v>
      </c>
      <c r="D90" s="435"/>
      <c r="E90" s="435"/>
      <c r="F90" s="435"/>
      <c r="G90" s="435"/>
      <c r="H90" s="435"/>
      <c r="J90" s="3" t="s">
        <v>149</v>
      </c>
    </row>
    <row r="91" spans="3:10">
      <c r="C91" s="3" t="s">
        <v>151</v>
      </c>
    </row>
  </sheetData>
  <mergeCells count="27">
    <mergeCell ref="C89:H89"/>
    <mergeCell ref="C90:H90"/>
    <mergeCell ref="I5:I6"/>
    <mergeCell ref="D4:H4"/>
    <mergeCell ref="J5:J6"/>
    <mergeCell ref="B9:C9"/>
    <mergeCell ref="B20:C20"/>
    <mergeCell ref="B4:C6"/>
    <mergeCell ref="B7:C8"/>
    <mergeCell ref="B21:C21"/>
    <mergeCell ref="B10:C10"/>
    <mergeCell ref="B11:C11"/>
    <mergeCell ref="B17:C17"/>
    <mergeCell ref="B18:C18"/>
    <mergeCell ref="B13:C13"/>
    <mergeCell ref="B14:C14"/>
    <mergeCell ref="I4:K4"/>
    <mergeCell ref="D5:D6"/>
    <mergeCell ref="F5:F6"/>
    <mergeCell ref="G5:G6"/>
    <mergeCell ref="H5:H6"/>
    <mergeCell ref="E5:E6"/>
    <mergeCell ref="B15:C15"/>
    <mergeCell ref="B19:C19"/>
    <mergeCell ref="B12:C12"/>
    <mergeCell ref="B16:C16"/>
    <mergeCell ref="K5:K6"/>
  </mergeCells>
  <phoneticPr fontId="5"/>
  <pageMargins left="0.74803149606299213" right="0.78740157480314965" top="0.59055118110236227" bottom="0.59055118110236227" header="0.51181102362204722" footer="0.19685039370078741"/>
  <pageSetup paperSize="9" scale="96" firstPageNumber="15" fitToHeight="0" orientation="portrait" blackAndWhite="1" useFirstPageNumber="1" r:id="rId1"/>
  <headerFooter scaleWithDoc="0" alignWithMargins="0">
    <oddFooter xml:space="preserve">&amp;C&amp;P </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Y92"/>
  <sheetViews>
    <sheetView view="pageBreakPreview" zoomScale="68" zoomScaleNormal="100" zoomScaleSheetLayoutView="68" workbookViewId="0">
      <selection activeCell="Q89" sqref="Q89"/>
    </sheetView>
  </sheetViews>
  <sheetFormatPr defaultColWidth="8.109375" defaultRowHeight="13.2"/>
  <cols>
    <col min="1" max="1" width="2.21875" style="8" customWidth="1"/>
    <col min="2" max="2" width="3.21875" style="8" customWidth="1"/>
    <col min="3" max="3" width="11.88671875" style="8" customWidth="1"/>
    <col min="4" max="5" width="13.109375" style="8" customWidth="1"/>
    <col min="6" max="6" width="11.6640625" style="8" customWidth="1"/>
    <col min="7" max="7" width="1.77734375" style="33" customWidth="1"/>
    <col min="8" max="8" width="11.6640625" style="8" customWidth="1"/>
    <col min="9" max="9" width="1.77734375" style="33" customWidth="1"/>
    <col min="10" max="10" width="11.6640625" style="8" customWidth="1"/>
    <col min="11" max="11" width="1.77734375" style="33" customWidth="1"/>
    <col min="12" max="12" width="11.6640625" style="8" customWidth="1"/>
    <col min="13" max="13" width="1.77734375" style="33" customWidth="1"/>
    <col min="14" max="14" width="11.6640625" style="8" customWidth="1"/>
    <col min="15" max="16" width="1.77734375" style="33" customWidth="1"/>
    <col min="17" max="17" width="8.109375" style="24"/>
    <col min="18" max="25" width="8.109375" style="17"/>
    <col min="26" max="16384" width="8.109375" style="8"/>
  </cols>
  <sheetData>
    <row r="1" spans="1:17" ht="13.5" customHeight="1">
      <c r="A1" s="163"/>
      <c r="B1" s="163"/>
      <c r="C1" s="163"/>
      <c r="D1" s="163"/>
      <c r="E1" s="163"/>
      <c r="F1" s="163"/>
      <c r="G1" s="164"/>
      <c r="H1" s="163"/>
      <c r="I1" s="164"/>
      <c r="J1" s="163"/>
      <c r="K1" s="164"/>
      <c r="L1" s="163"/>
      <c r="M1" s="164"/>
      <c r="N1" s="163"/>
      <c r="O1" s="164"/>
    </row>
    <row r="2" spans="1:17" ht="17.850000000000001" customHeight="1">
      <c r="A2" s="165" t="s">
        <v>71</v>
      </c>
      <c r="B2" s="163"/>
      <c r="C2" s="163"/>
      <c r="D2" s="102"/>
      <c r="E2" s="102"/>
      <c r="F2" s="102"/>
      <c r="G2" s="166"/>
      <c r="H2" s="167"/>
      <c r="I2" s="168"/>
      <c r="J2" s="167"/>
      <c r="K2" s="164"/>
      <c r="L2" s="167"/>
      <c r="M2" s="164"/>
      <c r="N2" s="167"/>
      <c r="O2" s="164"/>
    </row>
    <row r="3" spans="1:17" ht="15" customHeight="1">
      <c r="A3" s="163"/>
      <c r="B3" s="163"/>
      <c r="C3" s="102"/>
      <c r="D3" s="102"/>
      <c r="E3" s="102"/>
      <c r="F3" s="102"/>
      <c r="G3" s="166"/>
      <c r="H3" s="167"/>
      <c r="I3" s="168"/>
      <c r="J3" s="98"/>
      <c r="K3" s="169"/>
      <c r="L3" s="98"/>
      <c r="M3" s="169"/>
      <c r="N3" s="98" t="s">
        <v>144</v>
      </c>
      <c r="O3" s="169"/>
      <c r="P3" s="34"/>
      <c r="Q3" s="31"/>
    </row>
    <row r="4" spans="1:17" ht="15" customHeight="1">
      <c r="A4" s="163"/>
      <c r="B4" s="163"/>
      <c r="C4" s="170" t="s">
        <v>70</v>
      </c>
      <c r="D4" s="453" t="s">
        <v>69</v>
      </c>
      <c r="E4" s="454"/>
      <c r="F4" s="450" t="s">
        <v>68</v>
      </c>
      <c r="G4" s="452"/>
      <c r="H4" s="455" t="s">
        <v>67</v>
      </c>
      <c r="I4" s="452"/>
      <c r="J4" s="455" t="s">
        <v>145</v>
      </c>
      <c r="K4" s="451"/>
      <c r="L4" s="450" t="s">
        <v>146</v>
      </c>
      <c r="M4" s="451"/>
      <c r="N4" s="450" t="s">
        <v>153</v>
      </c>
      <c r="O4" s="451"/>
      <c r="P4" s="40"/>
      <c r="Q4" s="32"/>
    </row>
    <row r="5" spans="1:17" ht="12" customHeight="1">
      <c r="A5" s="163"/>
      <c r="B5" s="163"/>
      <c r="C5" s="453" t="s">
        <v>2</v>
      </c>
      <c r="D5" s="457" t="s">
        <v>59</v>
      </c>
      <c r="E5" s="457"/>
      <c r="F5" s="171">
        <v>192116</v>
      </c>
      <c r="G5" s="171"/>
      <c r="H5" s="172">
        <v>190999</v>
      </c>
      <c r="I5" s="173"/>
      <c r="J5" s="172">
        <v>190022</v>
      </c>
      <c r="K5" s="174"/>
      <c r="L5" s="172">
        <v>188709</v>
      </c>
      <c r="M5" s="174"/>
      <c r="N5" s="172">
        <v>188025</v>
      </c>
      <c r="O5" s="174"/>
      <c r="P5" s="39"/>
      <c r="Q5" s="32"/>
    </row>
    <row r="6" spans="1:17" ht="12" customHeight="1">
      <c r="A6" s="163"/>
      <c r="B6" s="163"/>
      <c r="C6" s="453"/>
      <c r="D6" s="458" t="s">
        <v>58</v>
      </c>
      <c r="E6" s="175" t="s">
        <v>57</v>
      </c>
      <c r="F6" s="176">
        <v>-969</v>
      </c>
      <c r="G6" s="176"/>
      <c r="H6" s="177">
        <v>-1057</v>
      </c>
      <c r="I6" s="178"/>
      <c r="J6" s="177">
        <v>-1258</v>
      </c>
      <c r="K6" s="179"/>
      <c r="L6" s="177">
        <v>-1239</v>
      </c>
      <c r="M6" s="179"/>
      <c r="N6" s="177">
        <v>-1620</v>
      </c>
      <c r="O6" s="179"/>
      <c r="P6" s="39"/>
      <c r="Q6" s="32"/>
    </row>
    <row r="7" spans="1:17" ht="12" customHeight="1">
      <c r="A7" s="163"/>
      <c r="B7" s="163"/>
      <c r="C7" s="453"/>
      <c r="D7" s="459"/>
      <c r="E7" s="180" t="s">
        <v>56</v>
      </c>
      <c r="F7" s="181">
        <v>-148</v>
      </c>
      <c r="G7" s="181"/>
      <c r="H7" s="182">
        <v>80</v>
      </c>
      <c r="I7" s="183"/>
      <c r="J7" s="182">
        <v>-55</v>
      </c>
      <c r="K7" s="184"/>
      <c r="L7" s="182">
        <v>555</v>
      </c>
      <c r="M7" s="184"/>
      <c r="N7" s="182">
        <v>761</v>
      </c>
      <c r="O7" s="184"/>
      <c r="P7" s="39"/>
      <c r="Q7" s="32"/>
    </row>
    <row r="8" spans="1:17" ht="12" customHeight="1">
      <c r="A8" s="163"/>
      <c r="B8" s="163"/>
      <c r="C8" s="453"/>
      <c r="D8" s="460"/>
      <c r="E8" s="180" t="s">
        <v>55</v>
      </c>
      <c r="F8" s="185">
        <v>-1117</v>
      </c>
      <c r="G8" s="185"/>
      <c r="H8" s="186">
        <v>-977</v>
      </c>
      <c r="I8" s="187"/>
      <c r="J8" s="186">
        <v>-1313</v>
      </c>
      <c r="K8" s="188"/>
      <c r="L8" s="186">
        <v>-684</v>
      </c>
      <c r="M8" s="188"/>
      <c r="N8" s="186">
        <v>-859</v>
      </c>
      <c r="O8" s="188"/>
      <c r="P8" s="39"/>
      <c r="Q8" s="32"/>
    </row>
    <row r="9" spans="1:17" ht="12" customHeight="1">
      <c r="A9" s="163"/>
      <c r="B9" s="163"/>
      <c r="C9" s="453"/>
      <c r="D9" s="461" t="s">
        <v>54</v>
      </c>
      <c r="E9" s="461"/>
      <c r="F9" s="181">
        <v>55973</v>
      </c>
      <c r="G9" s="181"/>
      <c r="H9" s="182">
        <v>56640</v>
      </c>
      <c r="I9" s="183"/>
      <c r="J9" s="182">
        <v>57039</v>
      </c>
      <c r="K9" s="184"/>
      <c r="L9" s="182">
        <v>56599</v>
      </c>
      <c r="M9" s="184"/>
      <c r="N9" s="182">
        <v>56835</v>
      </c>
      <c r="O9" s="184"/>
      <c r="P9" s="39"/>
      <c r="Q9" s="32"/>
    </row>
    <row r="10" spans="1:17" ht="12" customHeight="1" thickBot="1">
      <c r="A10" s="163"/>
      <c r="B10" s="163"/>
      <c r="C10" s="456"/>
      <c r="D10" s="462" t="s">
        <v>66</v>
      </c>
      <c r="E10" s="462"/>
      <c r="F10" s="189">
        <v>29.3</v>
      </c>
      <c r="G10" s="189"/>
      <c r="H10" s="190">
        <v>29.8</v>
      </c>
      <c r="I10" s="191"/>
      <c r="J10" s="190">
        <v>30.2</v>
      </c>
      <c r="K10" s="192"/>
      <c r="L10" s="190">
        <v>30.5</v>
      </c>
      <c r="M10" s="192"/>
      <c r="N10" s="190">
        <v>30.8</v>
      </c>
      <c r="O10" s="192"/>
      <c r="P10" s="39"/>
      <c r="Q10" s="32"/>
    </row>
    <row r="11" spans="1:17" ht="12" customHeight="1">
      <c r="A11" s="163"/>
      <c r="B11" s="163"/>
      <c r="C11" s="470" t="s">
        <v>65</v>
      </c>
      <c r="D11" s="471" t="s">
        <v>59</v>
      </c>
      <c r="E11" s="471"/>
      <c r="F11" s="193">
        <v>42613</v>
      </c>
      <c r="G11" s="193"/>
      <c r="H11" s="194">
        <v>42176</v>
      </c>
      <c r="I11" s="195"/>
      <c r="J11" s="194">
        <v>41685</v>
      </c>
      <c r="K11" s="196"/>
      <c r="L11" s="194">
        <v>40731</v>
      </c>
      <c r="M11" s="196"/>
      <c r="N11" s="410">
        <v>40332</v>
      </c>
      <c r="O11" s="197"/>
      <c r="P11" s="39"/>
    </row>
    <row r="12" spans="1:17" ht="12" customHeight="1">
      <c r="A12" s="163"/>
      <c r="B12" s="163"/>
      <c r="C12" s="453"/>
      <c r="D12" s="466" t="s">
        <v>58</v>
      </c>
      <c r="E12" s="180" t="s">
        <v>57</v>
      </c>
      <c r="F12" s="182">
        <v>-211</v>
      </c>
      <c r="G12" s="198"/>
      <c r="H12" s="182">
        <v>-238</v>
      </c>
      <c r="I12" s="183"/>
      <c r="J12" s="182">
        <v>-371</v>
      </c>
      <c r="K12" s="184"/>
      <c r="L12" s="182">
        <v>-350</v>
      </c>
      <c r="M12" s="184"/>
      <c r="N12" s="186">
        <v>-392</v>
      </c>
      <c r="O12" s="184"/>
      <c r="P12" s="39"/>
    </row>
    <row r="13" spans="1:17" ht="12" customHeight="1">
      <c r="A13" s="163"/>
      <c r="B13" s="163"/>
      <c r="C13" s="453"/>
      <c r="D13" s="466"/>
      <c r="E13" s="180" t="s">
        <v>56</v>
      </c>
      <c r="F13" s="182">
        <v>-226</v>
      </c>
      <c r="G13" s="198"/>
      <c r="H13" s="182">
        <v>-253</v>
      </c>
      <c r="I13" s="183"/>
      <c r="J13" s="182">
        <v>-583</v>
      </c>
      <c r="K13" s="184"/>
      <c r="L13" s="182">
        <v>-49</v>
      </c>
      <c r="M13" s="184"/>
      <c r="N13" s="182">
        <v>185</v>
      </c>
      <c r="O13" s="184"/>
      <c r="P13" s="39"/>
    </row>
    <row r="14" spans="1:17" ht="12" customHeight="1">
      <c r="A14" s="163"/>
      <c r="B14" s="163"/>
      <c r="C14" s="453"/>
      <c r="D14" s="466"/>
      <c r="E14" s="180" t="s">
        <v>55</v>
      </c>
      <c r="F14" s="182">
        <v>-437</v>
      </c>
      <c r="G14" s="198"/>
      <c r="H14" s="182">
        <v>-491</v>
      </c>
      <c r="I14" s="183"/>
      <c r="J14" s="182">
        <v>-954</v>
      </c>
      <c r="K14" s="184"/>
      <c r="L14" s="182">
        <v>-399</v>
      </c>
      <c r="M14" s="184"/>
      <c r="N14" s="177">
        <f>N12+N13</f>
        <v>-207</v>
      </c>
      <c r="O14" s="184"/>
      <c r="P14" s="39"/>
    </row>
    <row r="15" spans="1:17" ht="12" customHeight="1">
      <c r="A15" s="163"/>
      <c r="B15" s="163"/>
      <c r="C15" s="453"/>
      <c r="D15" s="466" t="s">
        <v>54</v>
      </c>
      <c r="E15" s="467"/>
      <c r="F15" s="182">
        <v>13387</v>
      </c>
      <c r="G15" s="198"/>
      <c r="H15" s="182">
        <v>13526</v>
      </c>
      <c r="I15" s="183"/>
      <c r="J15" s="182">
        <v>13624</v>
      </c>
      <c r="K15" s="184"/>
      <c r="L15" s="182">
        <v>13461</v>
      </c>
      <c r="M15" s="184"/>
      <c r="N15" s="182">
        <v>13476</v>
      </c>
      <c r="O15" s="184"/>
      <c r="P15" s="39"/>
    </row>
    <row r="16" spans="1:17" ht="12" customHeight="1" thickBot="1">
      <c r="A16" s="163"/>
      <c r="B16" s="163"/>
      <c r="C16" s="456"/>
      <c r="D16" s="472" t="s">
        <v>53</v>
      </c>
      <c r="E16" s="473"/>
      <c r="F16" s="199">
        <v>31.5</v>
      </c>
      <c r="G16" s="200"/>
      <c r="H16" s="199">
        <v>32.1</v>
      </c>
      <c r="I16" s="201"/>
      <c r="J16" s="199">
        <v>32.700000000000003</v>
      </c>
      <c r="K16" s="202"/>
      <c r="L16" s="199">
        <v>33.4</v>
      </c>
      <c r="M16" s="202"/>
      <c r="N16" s="190">
        <v>33.700000000000003</v>
      </c>
      <c r="O16" s="202"/>
      <c r="P16" s="41"/>
    </row>
    <row r="17" spans="1:18" ht="12" customHeight="1">
      <c r="A17" s="163"/>
      <c r="B17" s="102"/>
      <c r="C17" s="463" t="s">
        <v>13</v>
      </c>
      <c r="D17" s="464" t="s">
        <v>59</v>
      </c>
      <c r="E17" s="465"/>
      <c r="F17" s="186">
        <v>9525</v>
      </c>
      <c r="G17" s="203"/>
      <c r="H17" s="186">
        <v>9445</v>
      </c>
      <c r="I17" s="204"/>
      <c r="J17" s="186">
        <v>9357</v>
      </c>
      <c r="K17" s="205"/>
      <c r="L17" s="186">
        <v>9263</v>
      </c>
      <c r="M17" s="205"/>
      <c r="N17" s="186">
        <v>9100</v>
      </c>
      <c r="O17" s="205"/>
      <c r="P17" s="18"/>
      <c r="Q17" s="25"/>
      <c r="R17" s="19"/>
    </row>
    <row r="18" spans="1:18" ht="12" customHeight="1">
      <c r="A18" s="163"/>
      <c r="B18" s="163"/>
      <c r="C18" s="453"/>
      <c r="D18" s="466" t="s">
        <v>58</v>
      </c>
      <c r="E18" s="180" t="s">
        <v>57</v>
      </c>
      <c r="F18" s="182">
        <v>-72</v>
      </c>
      <c r="G18" s="198"/>
      <c r="H18" s="182">
        <v>-64</v>
      </c>
      <c r="I18" s="183"/>
      <c r="J18" s="182">
        <v>-78</v>
      </c>
      <c r="K18" s="184"/>
      <c r="L18" s="182">
        <v>-99</v>
      </c>
      <c r="M18" s="184"/>
      <c r="N18" s="182">
        <v>-96</v>
      </c>
      <c r="O18" s="184"/>
      <c r="P18" s="39"/>
    </row>
    <row r="19" spans="1:18" ht="12" customHeight="1">
      <c r="A19" s="163"/>
      <c r="B19" s="163"/>
      <c r="C19" s="453"/>
      <c r="D19" s="466"/>
      <c r="E19" s="180" t="s">
        <v>56</v>
      </c>
      <c r="F19" s="182">
        <v>-8</v>
      </c>
      <c r="G19" s="198"/>
      <c r="H19" s="182">
        <v>-24</v>
      </c>
      <c r="I19" s="183"/>
      <c r="J19" s="182">
        <v>-16</v>
      </c>
      <c r="K19" s="184"/>
      <c r="L19" s="182">
        <v>-64</v>
      </c>
      <c r="M19" s="184"/>
      <c r="N19" s="182">
        <v>65</v>
      </c>
      <c r="O19" s="184"/>
      <c r="P19" s="39"/>
    </row>
    <row r="20" spans="1:18" ht="12" customHeight="1">
      <c r="A20" s="163"/>
      <c r="B20" s="163"/>
      <c r="C20" s="453"/>
      <c r="D20" s="466"/>
      <c r="E20" s="180" t="s">
        <v>55</v>
      </c>
      <c r="F20" s="182">
        <v>-80</v>
      </c>
      <c r="G20" s="198"/>
      <c r="H20" s="182">
        <v>-88</v>
      </c>
      <c r="I20" s="183"/>
      <c r="J20" s="182">
        <v>-94</v>
      </c>
      <c r="K20" s="184"/>
      <c r="L20" s="182">
        <v>-163</v>
      </c>
      <c r="M20" s="184"/>
      <c r="N20" s="182">
        <f>N18+N19</f>
        <v>-31</v>
      </c>
      <c r="O20" s="184"/>
      <c r="P20" s="39"/>
    </row>
    <row r="21" spans="1:18" ht="12" customHeight="1">
      <c r="A21" s="163"/>
      <c r="B21" s="163"/>
      <c r="C21" s="453"/>
      <c r="D21" s="466" t="s">
        <v>54</v>
      </c>
      <c r="E21" s="467"/>
      <c r="F21" s="182">
        <v>3212</v>
      </c>
      <c r="G21" s="198"/>
      <c r="H21" s="182">
        <v>3256</v>
      </c>
      <c r="I21" s="183"/>
      <c r="J21" s="182">
        <v>3302</v>
      </c>
      <c r="K21" s="184"/>
      <c r="L21" s="182">
        <v>3300</v>
      </c>
      <c r="M21" s="184"/>
      <c r="N21" s="182">
        <v>3308</v>
      </c>
      <c r="O21" s="184"/>
      <c r="P21" s="39"/>
    </row>
    <row r="22" spans="1:18" ht="12" customHeight="1">
      <c r="A22" s="163"/>
      <c r="B22" s="163"/>
      <c r="C22" s="453"/>
      <c r="D22" s="468" t="s">
        <v>53</v>
      </c>
      <c r="E22" s="469"/>
      <c r="F22" s="206">
        <v>33.799999999999997</v>
      </c>
      <c r="G22" s="207"/>
      <c r="H22" s="206">
        <v>34.5</v>
      </c>
      <c r="I22" s="208"/>
      <c r="J22" s="206">
        <v>35.31</v>
      </c>
      <c r="K22" s="209"/>
      <c r="L22" s="206">
        <v>36.9</v>
      </c>
      <c r="M22" s="209"/>
      <c r="N22" s="206">
        <v>37.700000000000003</v>
      </c>
      <c r="O22" s="209"/>
      <c r="P22" s="41"/>
    </row>
    <row r="23" spans="1:18" ht="12" customHeight="1">
      <c r="A23" s="163"/>
      <c r="B23" s="163"/>
      <c r="C23" s="453" t="s">
        <v>14</v>
      </c>
      <c r="D23" s="474" t="s">
        <v>59</v>
      </c>
      <c r="E23" s="475"/>
      <c r="F23" s="210">
        <v>16970</v>
      </c>
      <c r="G23" s="211"/>
      <c r="H23" s="210">
        <v>17036</v>
      </c>
      <c r="I23" s="212"/>
      <c r="J23" s="210">
        <v>17082</v>
      </c>
      <c r="K23" s="213"/>
      <c r="L23" s="210">
        <v>17161</v>
      </c>
      <c r="M23" s="213"/>
      <c r="N23" s="210">
        <v>17195</v>
      </c>
      <c r="O23" s="213"/>
      <c r="P23" s="39"/>
    </row>
    <row r="24" spans="1:18" ht="12" customHeight="1">
      <c r="A24" s="163"/>
      <c r="B24" s="163"/>
      <c r="C24" s="453"/>
      <c r="D24" s="466" t="s">
        <v>58</v>
      </c>
      <c r="E24" s="180" t="s">
        <v>57</v>
      </c>
      <c r="F24" s="182">
        <v>-39</v>
      </c>
      <c r="G24" s="198"/>
      <c r="H24" s="182">
        <v>-65</v>
      </c>
      <c r="I24" s="183"/>
      <c r="J24" s="182">
        <v>-79</v>
      </c>
      <c r="K24" s="184"/>
      <c r="L24" s="182">
        <v>-63</v>
      </c>
      <c r="M24" s="184"/>
      <c r="N24" s="182">
        <v>-75</v>
      </c>
      <c r="O24" s="184"/>
      <c r="P24" s="39"/>
    </row>
    <row r="25" spans="1:18" ht="12" customHeight="1">
      <c r="A25" s="163"/>
      <c r="B25" s="163"/>
      <c r="C25" s="453"/>
      <c r="D25" s="466"/>
      <c r="E25" s="180" t="s">
        <v>56</v>
      </c>
      <c r="F25" s="182">
        <v>105</v>
      </c>
      <c r="G25" s="198"/>
      <c r="H25" s="182">
        <v>111</v>
      </c>
      <c r="I25" s="183"/>
      <c r="J25" s="182">
        <v>158</v>
      </c>
      <c r="K25" s="184"/>
      <c r="L25" s="182">
        <v>97</v>
      </c>
      <c r="M25" s="184"/>
      <c r="N25" s="182">
        <v>87</v>
      </c>
      <c r="O25" s="184"/>
      <c r="P25" s="39"/>
    </row>
    <row r="26" spans="1:18" ht="12" customHeight="1">
      <c r="A26" s="163"/>
      <c r="B26" s="163"/>
      <c r="C26" s="453"/>
      <c r="D26" s="466"/>
      <c r="E26" s="180" t="s">
        <v>55</v>
      </c>
      <c r="F26" s="182">
        <v>66</v>
      </c>
      <c r="G26" s="198"/>
      <c r="H26" s="182">
        <v>46</v>
      </c>
      <c r="I26" s="183"/>
      <c r="J26" s="182">
        <v>79</v>
      </c>
      <c r="K26" s="184"/>
      <c r="L26" s="182">
        <v>34</v>
      </c>
      <c r="M26" s="184"/>
      <c r="N26" s="182">
        <f>N24+N25</f>
        <v>12</v>
      </c>
      <c r="O26" s="184"/>
      <c r="P26" s="39"/>
    </row>
    <row r="27" spans="1:18" ht="12" customHeight="1">
      <c r="A27" s="163"/>
      <c r="B27" s="163"/>
      <c r="C27" s="453"/>
      <c r="D27" s="466" t="s">
        <v>54</v>
      </c>
      <c r="E27" s="467"/>
      <c r="F27" s="182">
        <v>4683</v>
      </c>
      <c r="G27" s="198"/>
      <c r="H27" s="182">
        <v>4780</v>
      </c>
      <c r="I27" s="183"/>
      <c r="J27" s="182">
        <v>4841</v>
      </c>
      <c r="K27" s="184"/>
      <c r="L27" s="182">
        <v>4973</v>
      </c>
      <c r="M27" s="184"/>
      <c r="N27" s="182">
        <v>5005</v>
      </c>
      <c r="O27" s="184"/>
      <c r="P27" s="39"/>
    </row>
    <row r="28" spans="1:18" ht="12" customHeight="1">
      <c r="A28" s="163"/>
      <c r="B28" s="163"/>
      <c r="C28" s="453"/>
      <c r="D28" s="468" t="s">
        <v>53</v>
      </c>
      <c r="E28" s="469"/>
      <c r="F28" s="206">
        <v>27.7</v>
      </c>
      <c r="G28" s="207"/>
      <c r="H28" s="206">
        <v>28.1</v>
      </c>
      <c r="I28" s="208"/>
      <c r="J28" s="206">
        <v>28.4</v>
      </c>
      <c r="K28" s="209"/>
      <c r="L28" s="206">
        <v>29.2</v>
      </c>
      <c r="M28" s="209"/>
      <c r="N28" s="206">
        <v>29.3</v>
      </c>
      <c r="O28" s="209"/>
      <c r="P28" s="41"/>
    </row>
    <row r="29" spans="1:18" ht="12" customHeight="1">
      <c r="A29" s="163"/>
      <c r="B29" s="163"/>
      <c r="C29" s="453" t="s">
        <v>15</v>
      </c>
      <c r="D29" s="474" t="s">
        <v>59</v>
      </c>
      <c r="E29" s="475"/>
      <c r="F29" s="210">
        <v>10950</v>
      </c>
      <c r="G29" s="211"/>
      <c r="H29" s="210">
        <v>10928</v>
      </c>
      <c r="I29" s="212"/>
      <c r="J29" s="210">
        <v>10802</v>
      </c>
      <c r="K29" s="213"/>
      <c r="L29" s="210">
        <v>10789</v>
      </c>
      <c r="M29" s="213"/>
      <c r="N29" s="210">
        <v>10613</v>
      </c>
      <c r="O29" s="213"/>
      <c r="P29" s="39"/>
    </row>
    <row r="30" spans="1:18" ht="12" customHeight="1">
      <c r="A30" s="163"/>
      <c r="B30" s="163"/>
      <c r="C30" s="453"/>
      <c r="D30" s="466" t="s">
        <v>58</v>
      </c>
      <c r="E30" s="180" t="s">
        <v>57</v>
      </c>
      <c r="F30" s="182">
        <v>-65</v>
      </c>
      <c r="G30" s="198"/>
      <c r="H30" s="182">
        <v>-107</v>
      </c>
      <c r="I30" s="183"/>
      <c r="J30" s="182">
        <v>-85</v>
      </c>
      <c r="K30" s="184"/>
      <c r="L30" s="182">
        <v>-85</v>
      </c>
      <c r="M30" s="184"/>
      <c r="N30" s="182">
        <v>-122</v>
      </c>
      <c r="O30" s="184"/>
      <c r="P30" s="39"/>
    </row>
    <row r="31" spans="1:18" ht="12" customHeight="1">
      <c r="A31" s="163"/>
      <c r="B31" s="163"/>
      <c r="C31" s="453"/>
      <c r="D31" s="466"/>
      <c r="E31" s="180" t="s">
        <v>56</v>
      </c>
      <c r="F31" s="182">
        <v>43</v>
      </c>
      <c r="G31" s="198"/>
      <c r="H31" s="182">
        <v>-19</v>
      </c>
      <c r="I31" s="183"/>
      <c r="J31" s="182">
        <v>72</v>
      </c>
      <c r="K31" s="184"/>
      <c r="L31" s="182">
        <v>-91</v>
      </c>
      <c r="M31" s="184"/>
      <c r="N31" s="182">
        <v>-17</v>
      </c>
      <c r="O31" s="184"/>
      <c r="P31" s="39"/>
    </row>
    <row r="32" spans="1:18" ht="12" customHeight="1">
      <c r="A32" s="163"/>
      <c r="B32" s="163"/>
      <c r="C32" s="453"/>
      <c r="D32" s="466"/>
      <c r="E32" s="180" t="s">
        <v>55</v>
      </c>
      <c r="F32" s="182">
        <v>-22</v>
      </c>
      <c r="G32" s="198"/>
      <c r="H32" s="182">
        <v>-126</v>
      </c>
      <c r="I32" s="183"/>
      <c r="J32" s="182">
        <v>-13</v>
      </c>
      <c r="K32" s="184"/>
      <c r="L32" s="182">
        <v>-176</v>
      </c>
      <c r="M32" s="184"/>
      <c r="N32" s="182">
        <f>N30+N31</f>
        <v>-139</v>
      </c>
      <c r="O32" s="184"/>
      <c r="P32" s="39"/>
    </row>
    <row r="33" spans="1:16" ht="12" customHeight="1">
      <c r="A33" s="163"/>
      <c r="B33" s="163"/>
      <c r="C33" s="453"/>
      <c r="D33" s="466" t="s">
        <v>54</v>
      </c>
      <c r="E33" s="467"/>
      <c r="F33" s="182">
        <v>3593</v>
      </c>
      <c r="G33" s="198"/>
      <c r="H33" s="182">
        <v>3609</v>
      </c>
      <c r="I33" s="183"/>
      <c r="J33" s="182">
        <v>3595</v>
      </c>
      <c r="K33" s="184"/>
      <c r="L33" s="182">
        <v>3640</v>
      </c>
      <c r="M33" s="184"/>
      <c r="N33" s="182">
        <f>'2(2)県内地区別（管内）年齢別人口'!G12</f>
        <v>3663</v>
      </c>
      <c r="O33" s="184"/>
      <c r="P33" s="39"/>
    </row>
    <row r="34" spans="1:16" ht="12" customHeight="1">
      <c r="A34" s="163"/>
      <c r="B34" s="163"/>
      <c r="C34" s="453"/>
      <c r="D34" s="468" t="s">
        <v>53</v>
      </c>
      <c r="E34" s="469"/>
      <c r="F34" s="206">
        <v>32.799999999999997</v>
      </c>
      <c r="G34" s="207"/>
      <c r="H34" s="206">
        <v>33</v>
      </c>
      <c r="I34" s="208"/>
      <c r="J34" s="206">
        <v>33.299999999999997</v>
      </c>
      <c r="K34" s="209"/>
      <c r="L34" s="206">
        <v>34.1</v>
      </c>
      <c r="M34" s="209"/>
      <c r="N34" s="206">
        <v>34.9</v>
      </c>
      <c r="O34" s="209"/>
      <c r="P34" s="41"/>
    </row>
    <row r="35" spans="1:16" ht="12" customHeight="1">
      <c r="A35" s="163"/>
      <c r="B35" s="163"/>
      <c r="C35" s="453" t="s">
        <v>16</v>
      </c>
      <c r="D35" s="474" t="s">
        <v>59</v>
      </c>
      <c r="E35" s="475"/>
      <c r="F35" s="210">
        <v>10115</v>
      </c>
      <c r="G35" s="211"/>
      <c r="H35" s="210">
        <v>9841</v>
      </c>
      <c r="I35" s="212"/>
      <c r="J35" s="210">
        <v>9637</v>
      </c>
      <c r="K35" s="213"/>
      <c r="L35" s="210">
        <v>9733</v>
      </c>
      <c r="M35" s="213"/>
      <c r="N35" s="210">
        <v>9556</v>
      </c>
      <c r="O35" s="213"/>
      <c r="P35" s="39"/>
    </row>
    <row r="36" spans="1:16" ht="12" customHeight="1">
      <c r="A36" s="163"/>
      <c r="B36" s="163"/>
      <c r="C36" s="453"/>
      <c r="D36" s="466" t="s">
        <v>58</v>
      </c>
      <c r="E36" s="180" t="s">
        <v>57</v>
      </c>
      <c r="F36" s="182">
        <v>-144</v>
      </c>
      <c r="G36" s="198"/>
      <c r="H36" s="182">
        <v>-131</v>
      </c>
      <c r="I36" s="183"/>
      <c r="J36" s="182">
        <v>-139</v>
      </c>
      <c r="K36" s="184"/>
      <c r="L36" s="182">
        <v>-138</v>
      </c>
      <c r="M36" s="184"/>
      <c r="N36" s="182">
        <v>-154</v>
      </c>
      <c r="O36" s="184"/>
      <c r="P36" s="39"/>
    </row>
    <row r="37" spans="1:16" ht="12" customHeight="1">
      <c r="A37" s="163"/>
      <c r="B37" s="163"/>
      <c r="C37" s="453"/>
      <c r="D37" s="466"/>
      <c r="E37" s="180" t="s">
        <v>56</v>
      </c>
      <c r="F37" s="182">
        <v>-130</v>
      </c>
      <c r="G37" s="198"/>
      <c r="H37" s="182">
        <v>-73</v>
      </c>
      <c r="I37" s="183"/>
      <c r="J37" s="182">
        <v>235</v>
      </c>
      <c r="K37" s="184"/>
      <c r="L37" s="182">
        <v>-39</v>
      </c>
      <c r="M37" s="184"/>
      <c r="N37" s="182">
        <v>-52</v>
      </c>
      <c r="O37" s="184"/>
      <c r="P37" s="39"/>
    </row>
    <row r="38" spans="1:16" ht="12" customHeight="1">
      <c r="A38" s="163"/>
      <c r="B38" s="163"/>
      <c r="C38" s="453"/>
      <c r="D38" s="466"/>
      <c r="E38" s="180" t="s">
        <v>55</v>
      </c>
      <c r="F38" s="182">
        <v>-274</v>
      </c>
      <c r="G38" s="198"/>
      <c r="H38" s="182">
        <v>-204</v>
      </c>
      <c r="I38" s="183"/>
      <c r="J38" s="182">
        <v>96</v>
      </c>
      <c r="K38" s="184"/>
      <c r="L38" s="182">
        <v>-177</v>
      </c>
      <c r="M38" s="184"/>
      <c r="N38" s="182">
        <f>N36+N37</f>
        <v>-206</v>
      </c>
      <c r="O38" s="184"/>
      <c r="P38" s="39"/>
    </row>
    <row r="39" spans="1:16" ht="12" customHeight="1">
      <c r="A39" s="163"/>
      <c r="B39" s="163"/>
      <c r="C39" s="453"/>
      <c r="D39" s="466" t="s">
        <v>54</v>
      </c>
      <c r="E39" s="467"/>
      <c r="F39" s="182">
        <v>3814</v>
      </c>
      <c r="G39" s="198"/>
      <c r="H39" s="182">
        <v>3813</v>
      </c>
      <c r="I39" s="183"/>
      <c r="J39" s="182">
        <v>3820</v>
      </c>
      <c r="K39" s="184"/>
      <c r="L39" s="182">
        <v>3881</v>
      </c>
      <c r="M39" s="184"/>
      <c r="N39" s="182">
        <v>3898</v>
      </c>
      <c r="O39" s="184"/>
      <c r="P39" s="39"/>
    </row>
    <row r="40" spans="1:16" ht="12" customHeight="1">
      <c r="A40" s="163"/>
      <c r="B40" s="163"/>
      <c r="C40" s="453"/>
      <c r="D40" s="468" t="s">
        <v>53</v>
      </c>
      <c r="E40" s="469"/>
      <c r="F40" s="206">
        <v>37.700000000000003</v>
      </c>
      <c r="G40" s="207"/>
      <c r="H40" s="206">
        <v>38.700000000000003</v>
      </c>
      <c r="I40" s="208"/>
      <c r="J40" s="206">
        <v>39.6</v>
      </c>
      <c r="K40" s="209"/>
      <c r="L40" s="206">
        <v>40</v>
      </c>
      <c r="M40" s="209"/>
      <c r="N40" s="206">
        <v>40.9</v>
      </c>
      <c r="O40" s="209"/>
      <c r="P40" s="41"/>
    </row>
    <row r="41" spans="1:16" ht="12" customHeight="1">
      <c r="A41" s="163"/>
      <c r="B41" s="163"/>
      <c r="C41" s="453" t="s">
        <v>17</v>
      </c>
      <c r="D41" s="474" t="s">
        <v>59</v>
      </c>
      <c r="E41" s="475"/>
      <c r="F41" s="210">
        <v>17536</v>
      </c>
      <c r="G41" s="211"/>
      <c r="H41" s="210">
        <v>17820</v>
      </c>
      <c r="I41" s="212"/>
      <c r="J41" s="210">
        <v>18083</v>
      </c>
      <c r="K41" s="213"/>
      <c r="L41" s="210">
        <v>18398</v>
      </c>
      <c r="M41" s="213"/>
      <c r="N41" s="210">
        <v>18561</v>
      </c>
      <c r="O41" s="213"/>
      <c r="P41" s="39"/>
    </row>
    <row r="42" spans="1:16" ht="12" customHeight="1">
      <c r="A42" s="163"/>
      <c r="B42" s="163"/>
      <c r="C42" s="453"/>
      <c r="D42" s="466" t="s">
        <v>58</v>
      </c>
      <c r="E42" s="180" t="s">
        <v>57</v>
      </c>
      <c r="F42" s="182">
        <v>0</v>
      </c>
      <c r="G42" s="198"/>
      <c r="H42" s="182">
        <v>-21</v>
      </c>
      <c r="I42" s="183"/>
      <c r="J42" s="182">
        <v>-17</v>
      </c>
      <c r="K42" s="184"/>
      <c r="L42" s="182">
        <v>6</v>
      </c>
      <c r="M42" s="184"/>
      <c r="N42" s="182">
        <v>-39</v>
      </c>
      <c r="O42" s="184"/>
      <c r="P42" s="39"/>
    </row>
    <row r="43" spans="1:16" ht="12" customHeight="1">
      <c r="A43" s="163"/>
      <c r="B43" s="163"/>
      <c r="C43" s="453"/>
      <c r="D43" s="466"/>
      <c r="E43" s="180" t="s">
        <v>56</v>
      </c>
      <c r="F43" s="182">
        <v>284</v>
      </c>
      <c r="G43" s="198"/>
      <c r="H43" s="182">
        <v>284</v>
      </c>
      <c r="I43" s="183"/>
      <c r="J43" s="182">
        <v>332</v>
      </c>
      <c r="K43" s="184"/>
      <c r="L43" s="182">
        <v>157</v>
      </c>
      <c r="M43" s="184"/>
      <c r="N43" s="182">
        <v>219</v>
      </c>
      <c r="O43" s="184"/>
      <c r="P43" s="39"/>
    </row>
    <row r="44" spans="1:16" ht="12" customHeight="1">
      <c r="A44" s="163"/>
      <c r="B44" s="163"/>
      <c r="C44" s="453"/>
      <c r="D44" s="466"/>
      <c r="E44" s="180" t="s">
        <v>55</v>
      </c>
      <c r="F44" s="182">
        <v>284</v>
      </c>
      <c r="G44" s="198"/>
      <c r="H44" s="182">
        <v>263</v>
      </c>
      <c r="I44" s="183"/>
      <c r="J44" s="182">
        <v>315</v>
      </c>
      <c r="K44" s="184"/>
      <c r="L44" s="182">
        <v>163</v>
      </c>
      <c r="M44" s="184"/>
      <c r="N44" s="182">
        <f>N42+N43</f>
        <v>180</v>
      </c>
      <c r="O44" s="184"/>
      <c r="P44" s="39"/>
    </row>
    <row r="45" spans="1:16" ht="12" customHeight="1">
      <c r="A45" s="163"/>
      <c r="B45" s="163"/>
      <c r="C45" s="453"/>
      <c r="D45" s="466" t="s">
        <v>54</v>
      </c>
      <c r="E45" s="467"/>
      <c r="F45" s="182">
        <v>4505</v>
      </c>
      <c r="G45" s="198"/>
      <c r="H45" s="182">
        <v>4627</v>
      </c>
      <c r="I45" s="183"/>
      <c r="J45" s="182">
        <v>4708</v>
      </c>
      <c r="K45" s="184"/>
      <c r="L45" s="182">
        <v>4786</v>
      </c>
      <c r="M45" s="184"/>
      <c r="N45" s="182">
        <v>4851</v>
      </c>
      <c r="O45" s="184"/>
      <c r="P45" s="39"/>
    </row>
    <row r="46" spans="1:16" ht="12" customHeight="1" thickBot="1">
      <c r="A46" s="163"/>
      <c r="B46" s="163"/>
      <c r="C46" s="456"/>
      <c r="D46" s="472" t="s">
        <v>53</v>
      </c>
      <c r="E46" s="473"/>
      <c r="F46" s="199">
        <v>25.7</v>
      </c>
      <c r="G46" s="200"/>
      <c r="H46" s="199">
        <v>26</v>
      </c>
      <c r="I46" s="201"/>
      <c r="J46" s="199">
        <v>26.1</v>
      </c>
      <c r="K46" s="202"/>
      <c r="L46" s="199">
        <v>26.1</v>
      </c>
      <c r="M46" s="202"/>
      <c r="N46" s="199">
        <v>26.2</v>
      </c>
      <c r="O46" s="202"/>
      <c r="P46" s="41"/>
    </row>
    <row r="47" spans="1:16" ht="12" customHeight="1">
      <c r="A47" s="163"/>
      <c r="B47" s="163"/>
      <c r="C47" s="463" t="s">
        <v>64</v>
      </c>
      <c r="D47" s="464" t="s">
        <v>59</v>
      </c>
      <c r="E47" s="465"/>
      <c r="F47" s="186">
        <v>65096</v>
      </c>
      <c r="G47" s="203"/>
      <c r="H47" s="186">
        <v>65070</v>
      </c>
      <c r="I47" s="214"/>
      <c r="J47" s="186">
        <v>64961</v>
      </c>
      <c r="K47" s="197"/>
      <c r="L47" s="186">
        <v>65344</v>
      </c>
      <c r="M47" s="197"/>
      <c r="N47" s="186">
        <f>N41+N35+N29+N23+N17</f>
        <v>65025</v>
      </c>
      <c r="O47" s="197"/>
      <c r="P47" s="39"/>
    </row>
    <row r="48" spans="1:16" ht="12" customHeight="1">
      <c r="A48" s="163"/>
      <c r="B48" s="163"/>
      <c r="C48" s="453"/>
      <c r="D48" s="466" t="s">
        <v>58</v>
      </c>
      <c r="E48" s="180" t="s">
        <v>57</v>
      </c>
      <c r="F48" s="182">
        <v>-320</v>
      </c>
      <c r="G48" s="198"/>
      <c r="H48" s="182">
        <v>-388</v>
      </c>
      <c r="I48" s="183"/>
      <c r="J48" s="182">
        <v>-398</v>
      </c>
      <c r="K48" s="184"/>
      <c r="L48" s="182">
        <v>-379</v>
      </c>
      <c r="M48" s="184"/>
      <c r="N48" s="182">
        <v>-486</v>
      </c>
      <c r="O48" s="184"/>
      <c r="P48" s="39"/>
    </row>
    <row r="49" spans="1:16" ht="12" customHeight="1">
      <c r="A49" s="163"/>
      <c r="B49" s="163"/>
      <c r="C49" s="453"/>
      <c r="D49" s="466"/>
      <c r="E49" s="180" t="s">
        <v>56</v>
      </c>
      <c r="F49" s="182">
        <v>294</v>
      </c>
      <c r="G49" s="198"/>
      <c r="H49" s="182">
        <v>279</v>
      </c>
      <c r="I49" s="183"/>
      <c r="J49" s="182">
        <v>781</v>
      </c>
      <c r="K49" s="184"/>
      <c r="L49" s="182">
        <v>60</v>
      </c>
      <c r="M49" s="184"/>
      <c r="N49" s="182">
        <f>N43+N37+N31+N25+N19</f>
        <v>302</v>
      </c>
      <c r="O49" s="184"/>
      <c r="P49" s="39"/>
    </row>
    <row r="50" spans="1:16" ht="12" customHeight="1">
      <c r="A50" s="163"/>
      <c r="B50" s="163"/>
      <c r="C50" s="453"/>
      <c r="D50" s="466"/>
      <c r="E50" s="180" t="s">
        <v>55</v>
      </c>
      <c r="F50" s="182">
        <v>-26</v>
      </c>
      <c r="G50" s="198"/>
      <c r="H50" s="182">
        <v>-109</v>
      </c>
      <c r="I50" s="183"/>
      <c r="J50" s="182">
        <v>383</v>
      </c>
      <c r="K50" s="184"/>
      <c r="L50" s="182">
        <v>-319</v>
      </c>
      <c r="M50" s="184"/>
      <c r="N50" s="182">
        <f>N48+N49</f>
        <v>-184</v>
      </c>
      <c r="O50" s="184"/>
      <c r="P50" s="39"/>
    </row>
    <row r="51" spans="1:16" ht="12" customHeight="1">
      <c r="A51" s="163"/>
      <c r="B51" s="163"/>
      <c r="C51" s="453"/>
      <c r="D51" s="466" t="s">
        <v>54</v>
      </c>
      <c r="E51" s="467"/>
      <c r="F51" s="182">
        <v>19807</v>
      </c>
      <c r="G51" s="198"/>
      <c r="H51" s="182">
        <v>20085</v>
      </c>
      <c r="I51" s="183"/>
      <c r="J51" s="182">
        <v>20266</v>
      </c>
      <c r="K51" s="184"/>
      <c r="L51" s="182">
        <v>20580</v>
      </c>
      <c r="M51" s="184"/>
      <c r="N51" s="182">
        <f>'2(2)県内地区別（管内）年齢別人口'!G15</f>
        <v>20725</v>
      </c>
      <c r="O51" s="184"/>
      <c r="P51" s="39"/>
    </row>
    <row r="52" spans="1:16" ht="12" customHeight="1" thickBot="1">
      <c r="A52" s="163"/>
      <c r="B52" s="163"/>
      <c r="C52" s="456"/>
      <c r="D52" s="472" t="s">
        <v>53</v>
      </c>
      <c r="E52" s="473"/>
      <c r="F52" s="199">
        <v>30.5</v>
      </c>
      <c r="G52" s="215"/>
      <c r="H52" s="199">
        <v>30.9</v>
      </c>
      <c r="I52" s="216"/>
      <c r="J52" s="199">
        <v>31.2</v>
      </c>
      <c r="K52" s="217"/>
      <c r="L52" s="199">
        <v>31.8</v>
      </c>
      <c r="M52" s="217"/>
      <c r="N52" s="199">
        <v>32.200000000000003</v>
      </c>
      <c r="O52" s="217"/>
      <c r="P52" s="39"/>
    </row>
    <row r="53" spans="1:16" ht="12" customHeight="1">
      <c r="A53" s="163"/>
      <c r="B53" s="163"/>
      <c r="C53" s="463" t="s">
        <v>18</v>
      </c>
      <c r="D53" s="464" t="s">
        <v>59</v>
      </c>
      <c r="E53" s="465"/>
      <c r="F53" s="186">
        <v>11599</v>
      </c>
      <c r="G53" s="203"/>
      <c r="H53" s="186">
        <v>11289</v>
      </c>
      <c r="I53" s="187"/>
      <c r="J53" s="186">
        <v>11102</v>
      </c>
      <c r="K53" s="188"/>
      <c r="L53" s="186">
        <v>11245</v>
      </c>
      <c r="M53" s="188"/>
      <c r="N53" s="186">
        <v>11082</v>
      </c>
      <c r="O53" s="188"/>
      <c r="P53" s="39"/>
    </row>
    <row r="54" spans="1:16" ht="12" customHeight="1">
      <c r="A54" s="163"/>
      <c r="B54" s="163"/>
      <c r="C54" s="463"/>
      <c r="D54" s="466" t="s">
        <v>58</v>
      </c>
      <c r="E54" s="180" t="s">
        <v>57</v>
      </c>
      <c r="F54" s="182">
        <v>-140</v>
      </c>
      <c r="G54" s="198"/>
      <c r="H54" s="182">
        <v>-157</v>
      </c>
      <c r="I54" s="183"/>
      <c r="J54" s="182">
        <v>-155</v>
      </c>
      <c r="K54" s="184"/>
      <c r="L54" s="182">
        <v>-152</v>
      </c>
      <c r="M54" s="184"/>
      <c r="N54" s="182">
        <v>-190</v>
      </c>
      <c r="O54" s="184"/>
      <c r="P54" s="39"/>
    </row>
    <row r="55" spans="1:16" ht="12" customHeight="1">
      <c r="A55" s="163"/>
      <c r="B55" s="163"/>
      <c r="C55" s="463"/>
      <c r="D55" s="466"/>
      <c r="E55" s="180" t="s">
        <v>56</v>
      </c>
      <c r="F55" s="182">
        <v>-170</v>
      </c>
      <c r="G55" s="198"/>
      <c r="H55" s="182">
        <v>-30</v>
      </c>
      <c r="I55" s="183"/>
      <c r="J55" s="182">
        <v>298</v>
      </c>
      <c r="K55" s="184"/>
      <c r="L55" s="182">
        <v>-11</v>
      </c>
      <c r="M55" s="184"/>
      <c r="N55" s="182">
        <v>3</v>
      </c>
      <c r="O55" s="184"/>
      <c r="P55" s="39"/>
    </row>
    <row r="56" spans="1:16" ht="12" customHeight="1">
      <c r="A56" s="163"/>
      <c r="B56" s="163"/>
      <c r="C56" s="463"/>
      <c r="D56" s="466"/>
      <c r="E56" s="180" t="s">
        <v>55</v>
      </c>
      <c r="F56" s="182">
        <v>-310</v>
      </c>
      <c r="G56" s="198"/>
      <c r="H56" s="182">
        <v>-187</v>
      </c>
      <c r="I56" s="183"/>
      <c r="J56" s="182">
        <v>143</v>
      </c>
      <c r="K56" s="184"/>
      <c r="L56" s="182">
        <v>-163</v>
      </c>
      <c r="M56" s="184"/>
      <c r="N56" s="182">
        <f>N54+N55</f>
        <v>-187</v>
      </c>
      <c r="O56" s="184"/>
      <c r="P56" s="39"/>
    </row>
    <row r="57" spans="1:16" ht="12" customHeight="1">
      <c r="A57" s="163"/>
      <c r="B57" s="163"/>
      <c r="C57" s="453"/>
      <c r="D57" s="466" t="s">
        <v>54</v>
      </c>
      <c r="E57" s="467"/>
      <c r="F57" s="182">
        <v>4148</v>
      </c>
      <c r="G57" s="198"/>
      <c r="H57" s="182">
        <v>4102</v>
      </c>
      <c r="I57" s="183"/>
      <c r="J57" s="182">
        <v>4073</v>
      </c>
      <c r="K57" s="184"/>
      <c r="L57" s="182">
        <v>4099</v>
      </c>
      <c r="M57" s="184"/>
      <c r="N57" s="182">
        <f>'2(2)県内地区別（管内）年齢別人口'!G16</f>
        <v>4072</v>
      </c>
      <c r="O57" s="184"/>
      <c r="P57" s="39"/>
    </row>
    <row r="58" spans="1:16" ht="12" customHeight="1">
      <c r="A58" s="163"/>
      <c r="B58" s="163"/>
      <c r="C58" s="453"/>
      <c r="D58" s="468" t="s">
        <v>53</v>
      </c>
      <c r="E58" s="469"/>
      <c r="F58" s="206">
        <v>36.6</v>
      </c>
      <c r="G58" s="207"/>
      <c r="H58" s="206">
        <v>37.200000000000003</v>
      </c>
      <c r="I58" s="208"/>
      <c r="J58" s="206">
        <v>37.5</v>
      </c>
      <c r="K58" s="209"/>
      <c r="L58" s="206">
        <v>38.299999999999997</v>
      </c>
      <c r="M58" s="209"/>
      <c r="N58" s="206">
        <v>38.700000000000003</v>
      </c>
      <c r="O58" s="209"/>
      <c r="P58" s="41"/>
    </row>
    <row r="59" spans="1:16" ht="12" customHeight="1">
      <c r="A59" s="163"/>
      <c r="B59" s="163"/>
      <c r="C59" s="453" t="s">
        <v>63</v>
      </c>
      <c r="D59" s="474" t="s">
        <v>59</v>
      </c>
      <c r="E59" s="475"/>
      <c r="F59" s="210">
        <v>7051</v>
      </c>
      <c r="G59" s="211"/>
      <c r="H59" s="210">
        <v>6929</v>
      </c>
      <c r="I59" s="212"/>
      <c r="J59" s="210">
        <v>6799</v>
      </c>
      <c r="K59" s="213"/>
      <c r="L59" s="210">
        <v>6707</v>
      </c>
      <c r="M59" s="213"/>
      <c r="N59" s="210">
        <v>6575</v>
      </c>
      <c r="O59" s="213"/>
      <c r="P59" s="39"/>
    </row>
    <row r="60" spans="1:16" ht="12" customHeight="1">
      <c r="A60" s="163"/>
      <c r="B60" s="163"/>
      <c r="C60" s="463"/>
      <c r="D60" s="466" t="s">
        <v>58</v>
      </c>
      <c r="E60" s="180" t="s">
        <v>57</v>
      </c>
      <c r="F60" s="182">
        <v>-90</v>
      </c>
      <c r="G60" s="198"/>
      <c r="H60" s="182">
        <v>-115</v>
      </c>
      <c r="I60" s="183"/>
      <c r="J60" s="182">
        <v>-94</v>
      </c>
      <c r="K60" s="184"/>
      <c r="L60" s="182">
        <v>-120</v>
      </c>
      <c r="M60" s="184"/>
      <c r="N60" s="182">
        <v>-113</v>
      </c>
      <c r="O60" s="184"/>
      <c r="P60" s="39"/>
    </row>
    <row r="61" spans="1:16" ht="12" customHeight="1">
      <c r="A61" s="163"/>
      <c r="B61" s="163"/>
      <c r="C61" s="463"/>
      <c r="D61" s="466"/>
      <c r="E61" s="180" t="s">
        <v>56</v>
      </c>
      <c r="F61" s="182">
        <v>-32</v>
      </c>
      <c r="G61" s="198"/>
      <c r="H61" s="182">
        <v>-15</v>
      </c>
      <c r="I61" s="183"/>
      <c r="J61" s="182">
        <v>2</v>
      </c>
      <c r="K61" s="184"/>
      <c r="L61" s="182">
        <v>-12</v>
      </c>
      <c r="M61" s="184"/>
      <c r="N61" s="182">
        <v>9</v>
      </c>
      <c r="O61" s="184"/>
      <c r="P61" s="39"/>
    </row>
    <row r="62" spans="1:16" ht="12" customHeight="1">
      <c r="A62" s="163"/>
      <c r="B62" s="163"/>
      <c r="C62" s="463"/>
      <c r="D62" s="466"/>
      <c r="E62" s="180" t="s">
        <v>55</v>
      </c>
      <c r="F62" s="182">
        <v>-122</v>
      </c>
      <c r="G62" s="198"/>
      <c r="H62" s="182">
        <v>-130</v>
      </c>
      <c r="I62" s="183"/>
      <c r="J62" s="182">
        <v>-92</v>
      </c>
      <c r="K62" s="184"/>
      <c r="L62" s="182">
        <v>-132</v>
      </c>
      <c r="M62" s="184"/>
      <c r="N62" s="182">
        <f>SUM(N60,N61)</f>
        <v>-104</v>
      </c>
      <c r="O62" s="184"/>
      <c r="P62" s="39"/>
    </row>
    <row r="63" spans="1:16" ht="12" customHeight="1">
      <c r="A63" s="163"/>
      <c r="B63" s="163"/>
      <c r="C63" s="453"/>
      <c r="D63" s="466" t="s">
        <v>54</v>
      </c>
      <c r="E63" s="467"/>
      <c r="F63" s="182">
        <v>2860</v>
      </c>
      <c r="G63" s="198"/>
      <c r="H63" s="182">
        <v>2899</v>
      </c>
      <c r="I63" s="183"/>
      <c r="J63" s="182">
        <v>2889</v>
      </c>
      <c r="K63" s="184"/>
      <c r="L63" s="182">
        <v>2928</v>
      </c>
      <c r="M63" s="184"/>
      <c r="N63" s="182">
        <f>'2(2)県内地区別（管内）年齢別人口'!G17</f>
        <v>2917</v>
      </c>
      <c r="O63" s="184"/>
      <c r="P63" s="39"/>
    </row>
    <row r="64" spans="1:16" ht="12" customHeight="1">
      <c r="A64" s="163"/>
      <c r="B64" s="163"/>
      <c r="C64" s="453"/>
      <c r="D64" s="468" t="s">
        <v>53</v>
      </c>
      <c r="E64" s="469"/>
      <c r="F64" s="206">
        <v>40.6</v>
      </c>
      <c r="G64" s="207"/>
      <c r="H64" s="206">
        <v>41.8</v>
      </c>
      <c r="I64" s="208"/>
      <c r="J64" s="206">
        <v>42.5</v>
      </c>
      <c r="K64" s="209"/>
      <c r="L64" s="206">
        <f>L63/L59*100</f>
        <v>43.655881914417769</v>
      </c>
      <c r="M64" s="209"/>
      <c r="N64" s="206">
        <v>44.4</v>
      </c>
      <c r="O64" s="209"/>
      <c r="P64" s="41"/>
    </row>
    <row r="65" spans="1:16" ht="12" customHeight="1">
      <c r="A65" s="163"/>
      <c r="B65" s="163"/>
      <c r="C65" s="453" t="s">
        <v>3</v>
      </c>
      <c r="D65" s="474" t="s">
        <v>59</v>
      </c>
      <c r="E65" s="475"/>
      <c r="F65" s="210">
        <v>24393</v>
      </c>
      <c r="G65" s="211"/>
      <c r="H65" s="210">
        <v>24138</v>
      </c>
      <c r="I65" s="212"/>
      <c r="J65" s="210">
        <v>23721</v>
      </c>
      <c r="K65" s="213"/>
      <c r="L65" s="210">
        <v>23383</v>
      </c>
      <c r="M65" s="213"/>
      <c r="N65" s="210">
        <v>23041</v>
      </c>
      <c r="O65" s="213"/>
      <c r="P65" s="39"/>
    </row>
    <row r="66" spans="1:16" ht="12" customHeight="1">
      <c r="A66" s="163"/>
      <c r="B66" s="163"/>
      <c r="C66" s="463"/>
      <c r="D66" s="466" t="s">
        <v>58</v>
      </c>
      <c r="E66" s="180" t="s">
        <v>57</v>
      </c>
      <c r="F66" s="182">
        <v>-320</v>
      </c>
      <c r="G66" s="198"/>
      <c r="H66" s="182">
        <v>-356</v>
      </c>
      <c r="I66" s="183"/>
      <c r="J66" s="182">
        <v>-334</v>
      </c>
      <c r="K66" s="184"/>
      <c r="L66" s="182">
        <v>-359</v>
      </c>
      <c r="M66" s="184"/>
      <c r="N66" s="182">
        <v>-415</v>
      </c>
      <c r="O66" s="184"/>
      <c r="P66" s="39"/>
    </row>
    <row r="67" spans="1:16" ht="12" customHeight="1">
      <c r="A67" s="163"/>
      <c r="B67" s="163"/>
      <c r="C67" s="463"/>
      <c r="D67" s="466"/>
      <c r="E67" s="180" t="s">
        <v>56</v>
      </c>
      <c r="F67" s="182">
        <v>65</v>
      </c>
      <c r="G67" s="198"/>
      <c r="H67" s="182">
        <v>-61</v>
      </c>
      <c r="I67" s="183"/>
      <c r="J67" s="182">
        <v>-4</v>
      </c>
      <c r="K67" s="184"/>
      <c r="L67" s="182">
        <v>17</v>
      </c>
      <c r="M67" s="184"/>
      <c r="N67" s="182">
        <v>163</v>
      </c>
      <c r="O67" s="184"/>
      <c r="P67" s="39"/>
    </row>
    <row r="68" spans="1:16" ht="12" customHeight="1">
      <c r="A68" s="163"/>
      <c r="B68" s="163"/>
      <c r="C68" s="463"/>
      <c r="D68" s="466"/>
      <c r="E68" s="180" t="s">
        <v>55</v>
      </c>
      <c r="F68" s="182">
        <v>-255</v>
      </c>
      <c r="G68" s="198"/>
      <c r="H68" s="182">
        <v>-417</v>
      </c>
      <c r="I68" s="183"/>
      <c r="J68" s="182">
        <v>-338</v>
      </c>
      <c r="K68" s="184"/>
      <c r="L68" s="182">
        <v>-342</v>
      </c>
      <c r="M68" s="184"/>
      <c r="N68" s="182">
        <f>N66+N67</f>
        <v>-252</v>
      </c>
      <c r="O68" s="184"/>
      <c r="P68" s="39"/>
    </row>
    <row r="69" spans="1:16" ht="12" customHeight="1">
      <c r="A69" s="163"/>
      <c r="B69" s="163"/>
      <c r="C69" s="453"/>
      <c r="D69" s="466" t="s">
        <v>54</v>
      </c>
      <c r="E69" s="467"/>
      <c r="F69" s="182">
        <v>10025</v>
      </c>
      <c r="G69" s="198"/>
      <c r="H69" s="182">
        <v>10108</v>
      </c>
      <c r="I69" s="183"/>
      <c r="J69" s="182">
        <v>10103</v>
      </c>
      <c r="K69" s="184"/>
      <c r="L69" s="182">
        <v>9969</v>
      </c>
      <c r="M69" s="184"/>
      <c r="N69" s="182">
        <f>'2(2)県内地区別（管内）年齢別人口'!G18</f>
        <v>9945</v>
      </c>
      <c r="O69" s="184"/>
      <c r="P69" s="39"/>
    </row>
    <row r="70" spans="1:16" ht="12" customHeight="1" thickBot="1">
      <c r="A70" s="163"/>
      <c r="B70" s="163"/>
      <c r="C70" s="456"/>
      <c r="D70" s="472" t="s">
        <v>53</v>
      </c>
      <c r="E70" s="473"/>
      <c r="F70" s="199">
        <v>41.3</v>
      </c>
      <c r="G70" s="200"/>
      <c r="H70" s="199">
        <v>42.1</v>
      </c>
      <c r="I70" s="201"/>
      <c r="J70" s="199">
        <v>42.8</v>
      </c>
      <c r="K70" s="202"/>
      <c r="L70" s="199">
        <v>43.1</v>
      </c>
      <c r="M70" s="202"/>
      <c r="N70" s="199">
        <v>43.6</v>
      </c>
      <c r="O70" s="202"/>
      <c r="P70" s="41"/>
    </row>
    <row r="71" spans="1:16" ht="12" customHeight="1">
      <c r="A71" s="163"/>
      <c r="B71" s="163"/>
      <c r="C71" s="463" t="s">
        <v>62</v>
      </c>
      <c r="D71" s="464" t="s">
        <v>59</v>
      </c>
      <c r="E71" s="465"/>
      <c r="F71" s="186">
        <v>43043</v>
      </c>
      <c r="G71" s="203"/>
      <c r="H71" s="186">
        <v>42356</v>
      </c>
      <c r="I71" s="187"/>
      <c r="J71" s="186">
        <v>41622</v>
      </c>
      <c r="K71" s="188"/>
      <c r="L71" s="186">
        <v>41335</v>
      </c>
      <c r="M71" s="188"/>
      <c r="N71" s="186">
        <f>N53+N59+N65</f>
        <v>40698</v>
      </c>
      <c r="O71" s="188"/>
      <c r="P71" s="39"/>
    </row>
    <row r="72" spans="1:16" ht="12" customHeight="1">
      <c r="A72" s="163"/>
      <c r="B72" s="163"/>
      <c r="C72" s="453"/>
      <c r="D72" s="466" t="s">
        <v>58</v>
      </c>
      <c r="E72" s="180" t="s">
        <v>57</v>
      </c>
      <c r="F72" s="182">
        <v>-550</v>
      </c>
      <c r="G72" s="198"/>
      <c r="H72" s="182">
        <v>-628</v>
      </c>
      <c r="I72" s="183"/>
      <c r="J72" s="182">
        <v>-583</v>
      </c>
      <c r="K72" s="184"/>
      <c r="L72" s="182">
        <v>-631</v>
      </c>
      <c r="M72" s="184"/>
      <c r="N72" s="182">
        <f>N54+N60+N66</f>
        <v>-718</v>
      </c>
      <c r="O72" s="184"/>
      <c r="P72" s="39"/>
    </row>
    <row r="73" spans="1:16" ht="12" customHeight="1">
      <c r="A73" s="163"/>
      <c r="B73" s="163"/>
      <c r="C73" s="453"/>
      <c r="D73" s="466"/>
      <c r="E73" s="180" t="s">
        <v>56</v>
      </c>
      <c r="F73" s="182">
        <v>-137</v>
      </c>
      <c r="G73" s="198"/>
      <c r="H73" s="182">
        <v>-106</v>
      </c>
      <c r="I73" s="183"/>
      <c r="J73" s="182">
        <v>296</v>
      </c>
      <c r="K73" s="184"/>
      <c r="L73" s="182">
        <v>-6</v>
      </c>
      <c r="M73" s="184"/>
      <c r="N73" s="182">
        <f>N55+N61+N67</f>
        <v>175</v>
      </c>
      <c r="O73" s="184"/>
      <c r="P73" s="39"/>
    </row>
    <row r="74" spans="1:16" ht="12" customHeight="1">
      <c r="A74" s="163"/>
      <c r="B74" s="163"/>
      <c r="C74" s="453"/>
      <c r="D74" s="466"/>
      <c r="E74" s="180" t="s">
        <v>55</v>
      </c>
      <c r="F74" s="182">
        <v>-687</v>
      </c>
      <c r="G74" s="198"/>
      <c r="H74" s="182">
        <v>-734</v>
      </c>
      <c r="I74" s="183"/>
      <c r="J74" s="182">
        <v>-287</v>
      </c>
      <c r="K74" s="184"/>
      <c r="L74" s="182">
        <v>-637</v>
      </c>
      <c r="M74" s="184"/>
      <c r="N74" s="182">
        <f>N72+N73</f>
        <v>-543</v>
      </c>
      <c r="O74" s="184"/>
      <c r="P74" s="39"/>
    </row>
    <row r="75" spans="1:16" ht="12" customHeight="1">
      <c r="A75" s="163"/>
      <c r="B75" s="163"/>
      <c r="C75" s="453"/>
      <c r="D75" s="466" t="s">
        <v>54</v>
      </c>
      <c r="E75" s="467"/>
      <c r="F75" s="182">
        <v>17033</v>
      </c>
      <c r="G75" s="198"/>
      <c r="H75" s="182">
        <v>17109</v>
      </c>
      <c r="I75" s="183"/>
      <c r="J75" s="182">
        <v>17065</v>
      </c>
      <c r="K75" s="184"/>
      <c r="L75" s="182">
        <v>16996</v>
      </c>
      <c r="M75" s="184"/>
      <c r="N75" s="182">
        <f>'2(2)県内地区別（管内）年齢別人口'!G19</f>
        <v>16934</v>
      </c>
      <c r="O75" s="184"/>
      <c r="P75" s="39"/>
    </row>
    <row r="76" spans="1:16" ht="12" customHeight="1" thickBot="1">
      <c r="A76" s="163"/>
      <c r="B76" s="163"/>
      <c r="C76" s="456"/>
      <c r="D76" s="472" t="s">
        <v>53</v>
      </c>
      <c r="E76" s="473"/>
      <c r="F76" s="199">
        <v>39.9</v>
      </c>
      <c r="G76" s="215"/>
      <c r="H76" s="199">
        <v>40.799999999999997</v>
      </c>
      <c r="I76" s="216"/>
      <c r="J76" s="199">
        <v>41.4</v>
      </c>
      <c r="K76" s="217"/>
      <c r="L76" s="199">
        <v>41.9</v>
      </c>
      <c r="M76" s="217"/>
      <c r="N76" s="199">
        <v>42.4</v>
      </c>
      <c r="O76" s="217"/>
      <c r="P76" s="39"/>
    </row>
    <row r="77" spans="1:16" ht="12" customHeight="1">
      <c r="A77" s="163"/>
      <c r="B77" s="163"/>
      <c r="C77" s="463" t="s">
        <v>61</v>
      </c>
      <c r="D77" s="464" t="s">
        <v>59</v>
      </c>
      <c r="E77" s="465"/>
      <c r="F77" s="186">
        <v>342868</v>
      </c>
      <c r="G77" s="203"/>
      <c r="H77" s="186">
        <v>340601</v>
      </c>
      <c r="I77" s="204"/>
      <c r="J77" s="186">
        <v>338290</v>
      </c>
      <c r="K77" s="205"/>
      <c r="L77" s="186">
        <v>336119</v>
      </c>
      <c r="M77" s="205"/>
      <c r="N77" s="186">
        <f>N71+N47+N5+N11</f>
        <v>334080</v>
      </c>
      <c r="O77" s="188"/>
      <c r="P77" s="39"/>
    </row>
    <row r="78" spans="1:16" ht="12" customHeight="1">
      <c r="A78" s="163"/>
      <c r="B78" s="163"/>
      <c r="C78" s="463"/>
      <c r="D78" s="466" t="s">
        <v>58</v>
      </c>
      <c r="E78" s="180" t="s">
        <v>57</v>
      </c>
      <c r="F78" s="182">
        <v>-2050</v>
      </c>
      <c r="G78" s="198"/>
      <c r="H78" s="182">
        <v>-2311</v>
      </c>
      <c r="I78" s="218"/>
      <c r="J78" s="182">
        <v>-2610</v>
      </c>
      <c r="K78" s="219"/>
      <c r="L78" s="182">
        <v>-2599</v>
      </c>
      <c r="M78" s="219"/>
      <c r="N78" s="182">
        <f>N72+N48+N6+N12</f>
        <v>-3216</v>
      </c>
      <c r="O78" s="184"/>
      <c r="P78" s="39"/>
    </row>
    <row r="79" spans="1:16" ht="12" customHeight="1">
      <c r="A79" s="163"/>
      <c r="B79" s="163"/>
      <c r="C79" s="463"/>
      <c r="D79" s="466"/>
      <c r="E79" s="180" t="s">
        <v>56</v>
      </c>
      <c r="F79" s="182">
        <v>-217</v>
      </c>
      <c r="G79" s="198"/>
      <c r="H79" s="182">
        <v>0</v>
      </c>
      <c r="I79" s="218"/>
      <c r="J79" s="182">
        <v>439</v>
      </c>
      <c r="K79" s="219"/>
      <c r="L79" s="182">
        <v>560</v>
      </c>
      <c r="M79" s="219"/>
      <c r="N79" s="182">
        <f>N7+N13+N73+N49</f>
        <v>1423</v>
      </c>
      <c r="O79" s="184"/>
      <c r="P79" s="39"/>
    </row>
    <row r="80" spans="1:16" ht="12" customHeight="1">
      <c r="A80" s="163"/>
      <c r="B80" s="163"/>
      <c r="C80" s="463"/>
      <c r="D80" s="466"/>
      <c r="E80" s="180" t="s">
        <v>55</v>
      </c>
      <c r="F80" s="182">
        <v>-2267</v>
      </c>
      <c r="G80" s="198"/>
      <c r="H80" s="182">
        <v>-2311</v>
      </c>
      <c r="I80" s="218"/>
      <c r="J80" s="182">
        <v>-2171</v>
      </c>
      <c r="K80" s="219"/>
      <c r="L80" s="182">
        <v>-2039</v>
      </c>
      <c r="M80" s="219"/>
      <c r="N80" s="182">
        <f>N78+N79</f>
        <v>-1793</v>
      </c>
      <c r="O80" s="184"/>
      <c r="P80" s="39"/>
    </row>
    <row r="81" spans="1:16" ht="12" customHeight="1">
      <c r="A81" s="163"/>
      <c r="B81" s="163"/>
      <c r="C81" s="453"/>
      <c r="D81" s="466" t="s">
        <v>54</v>
      </c>
      <c r="E81" s="467"/>
      <c r="F81" s="182">
        <v>106200</v>
      </c>
      <c r="G81" s="198"/>
      <c r="H81" s="182">
        <v>107360</v>
      </c>
      <c r="I81" s="218"/>
      <c r="J81" s="182">
        <v>107994</v>
      </c>
      <c r="K81" s="219"/>
      <c r="L81" s="182">
        <v>107636</v>
      </c>
      <c r="M81" s="219"/>
      <c r="N81" s="182">
        <f>'2(2)県内地区別（管内）年齢別人口'!G20</f>
        <v>107970</v>
      </c>
      <c r="O81" s="184"/>
      <c r="P81" s="39"/>
    </row>
    <row r="82" spans="1:16" ht="12" customHeight="1" thickBot="1">
      <c r="A82" s="163"/>
      <c r="B82" s="163"/>
      <c r="C82" s="476"/>
      <c r="D82" s="477" t="s">
        <v>53</v>
      </c>
      <c r="E82" s="478"/>
      <c r="F82" s="220">
        <v>31.1</v>
      </c>
      <c r="G82" s="221"/>
      <c r="H82" s="220">
        <v>31.7</v>
      </c>
      <c r="I82" s="222"/>
      <c r="J82" s="220">
        <v>32.1</v>
      </c>
      <c r="K82" s="223"/>
      <c r="L82" s="220">
        <v>32.5</v>
      </c>
      <c r="M82" s="223"/>
      <c r="N82" s="220">
        <v>32.799999999999997</v>
      </c>
      <c r="O82" s="224"/>
      <c r="P82" s="41"/>
    </row>
    <row r="83" spans="1:16" ht="12" customHeight="1" thickTop="1">
      <c r="A83" s="163"/>
      <c r="B83" s="163"/>
      <c r="C83" s="463" t="s">
        <v>60</v>
      </c>
      <c r="D83" s="464" t="s">
        <v>59</v>
      </c>
      <c r="E83" s="465"/>
      <c r="F83" s="186">
        <v>9163279</v>
      </c>
      <c r="G83" s="203"/>
      <c r="H83" s="186">
        <v>9181625</v>
      </c>
      <c r="I83" s="204"/>
      <c r="J83" s="186">
        <v>9201825</v>
      </c>
      <c r="K83" s="205"/>
      <c r="L83" s="186">
        <v>9236337</v>
      </c>
      <c r="M83" s="205"/>
      <c r="N83" s="186">
        <f>'2(2)県内地区別（管内）年齢別人口'!D21</f>
        <v>9231177</v>
      </c>
      <c r="O83" s="205"/>
      <c r="P83" s="18"/>
    </row>
    <row r="84" spans="1:16" ht="12" customHeight="1">
      <c r="A84" s="163"/>
      <c r="B84" s="163"/>
      <c r="C84" s="463"/>
      <c r="D84" s="466" t="s">
        <v>58</v>
      </c>
      <c r="E84" s="180" t="s">
        <v>57</v>
      </c>
      <c r="F84" s="182">
        <v>-14771</v>
      </c>
      <c r="G84" s="198"/>
      <c r="H84" s="182">
        <v>-19600</v>
      </c>
      <c r="I84" s="218"/>
      <c r="J84" s="182">
        <v>-22407</v>
      </c>
      <c r="K84" s="219"/>
      <c r="L84" s="182">
        <v>-29983</v>
      </c>
      <c r="M84" s="219"/>
      <c r="N84" s="182">
        <v>-40970</v>
      </c>
      <c r="O84" s="219"/>
      <c r="P84" s="18"/>
    </row>
    <row r="85" spans="1:16" ht="12" customHeight="1">
      <c r="A85" s="163"/>
      <c r="B85" s="163"/>
      <c r="C85" s="463"/>
      <c r="D85" s="466"/>
      <c r="E85" s="180" t="s">
        <v>56</v>
      </c>
      <c r="F85" s="182">
        <v>33117</v>
      </c>
      <c r="G85" s="198"/>
      <c r="H85" s="182">
        <v>39800</v>
      </c>
      <c r="I85" s="218"/>
      <c r="J85" s="182">
        <v>56919</v>
      </c>
      <c r="K85" s="219"/>
      <c r="L85" s="182">
        <v>24823</v>
      </c>
      <c r="M85" s="219"/>
      <c r="N85" s="182">
        <v>37694</v>
      </c>
      <c r="O85" s="219"/>
      <c r="P85" s="18"/>
    </row>
    <row r="86" spans="1:16" ht="12" customHeight="1">
      <c r="A86" s="163"/>
      <c r="B86" s="163"/>
      <c r="C86" s="463"/>
      <c r="D86" s="466"/>
      <c r="E86" s="180" t="s">
        <v>55</v>
      </c>
      <c r="F86" s="182">
        <v>18346</v>
      </c>
      <c r="G86" s="198"/>
      <c r="H86" s="182">
        <v>20200</v>
      </c>
      <c r="I86" s="218"/>
      <c r="J86" s="182">
        <v>34512</v>
      </c>
      <c r="K86" s="219"/>
      <c r="L86" s="182">
        <v>-5160</v>
      </c>
      <c r="M86" s="219"/>
      <c r="N86" s="182">
        <f>SUM(N84:N85)</f>
        <v>-3276</v>
      </c>
      <c r="O86" s="219"/>
      <c r="P86" s="18"/>
    </row>
    <row r="87" spans="1:16" ht="12" customHeight="1">
      <c r="A87" s="163"/>
      <c r="B87" s="163"/>
      <c r="C87" s="453"/>
      <c r="D87" s="466" t="s">
        <v>54</v>
      </c>
      <c r="E87" s="467"/>
      <c r="F87" s="182">
        <v>2259744</v>
      </c>
      <c r="G87" s="198"/>
      <c r="H87" s="182">
        <v>2288304</v>
      </c>
      <c r="I87" s="218"/>
      <c r="J87" s="182">
        <v>2311697</v>
      </c>
      <c r="K87" s="219"/>
      <c r="L87" s="182">
        <v>2312173</v>
      </c>
      <c r="M87" s="219"/>
      <c r="N87" s="182">
        <f>'2(2)県内地区別（管内）年齢別人口'!G21</f>
        <v>2324007</v>
      </c>
      <c r="O87" s="219"/>
      <c r="P87" s="18"/>
    </row>
    <row r="88" spans="1:16" ht="12" customHeight="1">
      <c r="A88" s="163"/>
      <c r="B88" s="163"/>
      <c r="C88" s="453"/>
      <c r="D88" s="468" t="s">
        <v>53</v>
      </c>
      <c r="E88" s="469"/>
      <c r="F88" s="206">
        <v>24.9</v>
      </c>
      <c r="G88" s="207"/>
      <c r="H88" s="206">
        <v>25.1</v>
      </c>
      <c r="I88" s="225"/>
      <c r="J88" s="206">
        <v>25.4</v>
      </c>
      <c r="K88" s="226"/>
      <c r="L88" s="206">
        <v>25.6</v>
      </c>
      <c r="M88" s="226"/>
      <c r="N88" s="206">
        <v>25.8</v>
      </c>
      <c r="O88" s="226"/>
      <c r="P88" s="42"/>
    </row>
    <row r="89" spans="1:16" ht="13.2" customHeight="1">
      <c r="A89" s="163"/>
      <c r="B89" s="163"/>
      <c r="C89" s="227" t="s">
        <v>164</v>
      </c>
      <c r="D89" s="227"/>
      <c r="E89" s="227"/>
      <c r="F89" s="227"/>
      <c r="G89" s="227"/>
      <c r="H89" s="227"/>
      <c r="I89" s="228"/>
      <c r="J89" s="229" t="s">
        <v>147</v>
      </c>
      <c r="K89" s="164"/>
      <c r="L89" s="163"/>
      <c r="M89" s="164"/>
      <c r="N89" s="163"/>
      <c r="O89" s="164"/>
      <c r="P89" s="39"/>
    </row>
    <row r="90" spans="1:16" ht="12" customHeight="1">
      <c r="A90" s="163"/>
      <c r="B90" s="163"/>
      <c r="C90" s="167" t="s">
        <v>165</v>
      </c>
      <c r="D90" s="167"/>
      <c r="E90" s="230"/>
      <c r="F90" s="230"/>
      <c r="G90" s="230"/>
      <c r="H90" s="230"/>
      <c r="I90" s="228"/>
      <c r="J90" s="102" t="s">
        <v>148</v>
      </c>
      <c r="K90" s="164"/>
      <c r="L90" s="163"/>
      <c r="M90" s="164"/>
      <c r="N90" s="163"/>
      <c r="O90" s="164"/>
      <c r="P90" s="39"/>
    </row>
    <row r="91" spans="1:16" ht="12" customHeight="1">
      <c r="A91" s="163"/>
      <c r="B91" s="163"/>
      <c r="C91" s="102" t="s">
        <v>166</v>
      </c>
      <c r="D91" s="163"/>
      <c r="E91" s="163"/>
      <c r="F91" s="163"/>
      <c r="G91" s="164"/>
      <c r="H91" s="231"/>
      <c r="I91" s="232"/>
      <c r="J91" s="231"/>
      <c r="K91" s="164"/>
      <c r="L91" s="231"/>
      <c r="M91" s="164"/>
      <c r="N91" s="231"/>
      <c r="O91" s="164"/>
      <c r="P91" s="39"/>
    </row>
    <row r="92" spans="1:16">
      <c r="H92" s="35"/>
      <c r="I92" s="36"/>
      <c r="J92" s="35"/>
      <c r="L92" s="35"/>
      <c r="N92" s="35"/>
    </row>
  </sheetData>
  <mergeCells count="76">
    <mergeCell ref="D75:E75"/>
    <mergeCell ref="D76:E76"/>
    <mergeCell ref="C77:C82"/>
    <mergeCell ref="D77:E77"/>
    <mergeCell ref="D78:D80"/>
    <mergeCell ref="D81:E81"/>
    <mergeCell ref="D82:E82"/>
    <mergeCell ref="C71:C76"/>
    <mergeCell ref="D71:E71"/>
    <mergeCell ref="D72:D74"/>
    <mergeCell ref="C83:C88"/>
    <mergeCell ref="D83:E83"/>
    <mergeCell ref="D84:D86"/>
    <mergeCell ref="D87:E87"/>
    <mergeCell ref="D88:E88"/>
    <mergeCell ref="C59:C64"/>
    <mergeCell ref="D59:E59"/>
    <mergeCell ref="D60:D62"/>
    <mergeCell ref="D63:E63"/>
    <mergeCell ref="D64:E64"/>
    <mergeCell ref="C65:C70"/>
    <mergeCell ref="D65:E65"/>
    <mergeCell ref="D66:D68"/>
    <mergeCell ref="D69:E69"/>
    <mergeCell ref="D70:E70"/>
    <mergeCell ref="C47:C52"/>
    <mergeCell ref="D47:E47"/>
    <mergeCell ref="D48:D50"/>
    <mergeCell ref="D51:E51"/>
    <mergeCell ref="D52:E52"/>
    <mergeCell ref="C53:C58"/>
    <mergeCell ref="D53:E53"/>
    <mergeCell ref="D54:D56"/>
    <mergeCell ref="D57:E57"/>
    <mergeCell ref="D58:E58"/>
    <mergeCell ref="C35:C40"/>
    <mergeCell ref="D35:E35"/>
    <mergeCell ref="D36:D38"/>
    <mergeCell ref="D39:E39"/>
    <mergeCell ref="D40:E40"/>
    <mergeCell ref="C41:C46"/>
    <mergeCell ref="D41:E41"/>
    <mergeCell ref="D42:D44"/>
    <mergeCell ref="D45:E45"/>
    <mergeCell ref="D46:E46"/>
    <mergeCell ref="C23:C28"/>
    <mergeCell ref="D23:E23"/>
    <mergeCell ref="D24:D26"/>
    <mergeCell ref="D27:E27"/>
    <mergeCell ref="D28:E28"/>
    <mergeCell ref="C29:C34"/>
    <mergeCell ref="D29:E29"/>
    <mergeCell ref="D30:D32"/>
    <mergeCell ref="D33:E33"/>
    <mergeCell ref="D34:E34"/>
    <mergeCell ref="C11:C16"/>
    <mergeCell ref="D11:E11"/>
    <mergeCell ref="D12:D14"/>
    <mergeCell ref="D15:E15"/>
    <mergeCell ref="D16:E16"/>
    <mergeCell ref="C17:C22"/>
    <mergeCell ref="D17:E17"/>
    <mergeCell ref="D18:D20"/>
    <mergeCell ref="D21:E21"/>
    <mergeCell ref="D22:E22"/>
    <mergeCell ref="C5:C10"/>
    <mergeCell ref="D5:E5"/>
    <mergeCell ref="D6:D8"/>
    <mergeCell ref="D9:E9"/>
    <mergeCell ref="D10:E10"/>
    <mergeCell ref="N4:O4"/>
    <mergeCell ref="L4:M4"/>
    <mergeCell ref="F4:G4"/>
    <mergeCell ref="D4:E4"/>
    <mergeCell ref="H4:I4"/>
    <mergeCell ref="J4:K4"/>
  </mergeCells>
  <phoneticPr fontId="5"/>
  <pageMargins left="0.74803149606299213" right="0.78740157480314965" top="0.59055118110236227" bottom="0.59055118110236227" header="0.51181102362204722" footer="0.19685039370078741"/>
  <pageSetup paperSize="9" scale="73" firstPageNumber="16" orientation="portrait" blackAndWhite="1" useFirstPageNumber="1" r:id="rId1"/>
  <headerFooter scaleWithDoc="0" alignWithMargins="0">
    <oddFooter>&amp;C&amp;P</oddFooter>
  </headerFooter>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91"/>
  <sheetViews>
    <sheetView view="pageBreakPreview" topLeftCell="A16" zoomScale="59" zoomScaleNormal="100" zoomScaleSheetLayoutView="59" workbookViewId="0">
      <selection activeCell="AF21" sqref="AF21"/>
    </sheetView>
  </sheetViews>
  <sheetFormatPr defaultColWidth="8.109375" defaultRowHeight="13.2"/>
  <cols>
    <col min="1" max="1" width="2.21875" style="3" customWidth="1"/>
    <col min="2" max="3" width="5.21875" style="3" customWidth="1"/>
    <col min="4" max="4" width="1.44140625" style="3" customWidth="1"/>
    <col min="5" max="5" width="2.33203125" style="3" customWidth="1"/>
    <col min="6" max="6" width="6.44140625" style="37" customWidth="1"/>
    <col min="7" max="7" width="2.5546875" style="5" customWidth="1"/>
    <col min="8" max="8" width="1.44140625" style="5" customWidth="1"/>
    <col min="9" max="9" width="2.33203125" style="5" customWidth="1"/>
    <col min="10" max="10" width="6.44140625" style="3" customWidth="1"/>
    <col min="11" max="11" width="2.6640625" style="3" customWidth="1"/>
    <col min="12" max="12" width="1.44140625" style="3" customWidth="1"/>
    <col min="13" max="13" width="2.33203125" style="3" customWidth="1"/>
    <col min="14" max="14" width="6.44140625" style="3" customWidth="1"/>
    <col min="15" max="15" width="2.5546875" style="3" customWidth="1"/>
    <col min="16" max="16" width="1.44140625" style="3" customWidth="1"/>
    <col min="17" max="17" width="2.33203125" style="3" customWidth="1"/>
    <col min="18" max="18" width="6.44140625" style="3" customWidth="1"/>
    <col min="19" max="19" width="2.5546875" style="3" customWidth="1"/>
    <col min="20" max="20" width="1.44140625" style="3" customWidth="1"/>
    <col min="21" max="21" width="2.33203125" style="3" customWidth="1"/>
    <col min="22" max="22" width="6.44140625" style="3" customWidth="1"/>
    <col min="23" max="23" width="2.21875" style="3" customWidth="1"/>
    <col min="24" max="24" width="1.44140625" style="3" customWidth="1"/>
    <col min="25" max="25" width="6.44140625" style="3" customWidth="1"/>
    <col min="26" max="26" width="2.5546875" style="3" customWidth="1"/>
    <col min="27" max="16384" width="8.109375" style="3"/>
  </cols>
  <sheetData>
    <row r="1" spans="1:34" ht="13.5" customHeight="1">
      <c r="A1" s="98"/>
      <c r="B1" s="98"/>
      <c r="C1" s="98"/>
      <c r="D1" s="98"/>
      <c r="E1" s="98"/>
      <c r="F1" s="233"/>
      <c r="G1" s="99"/>
      <c r="H1" s="99"/>
      <c r="I1" s="99"/>
      <c r="J1" s="98"/>
      <c r="K1" s="98"/>
      <c r="L1" s="98"/>
      <c r="M1" s="98"/>
      <c r="N1" s="481"/>
      <c r="O1" s="481"/>
      <c r="P1" s="481"/>
      <c r="Q1" s="481"/>
      <c r="R1" s="481"/>
      <c r="S1" s="481"/>
      <c r="T1" s="481"/>
      <c r="U1" s="481"/>
      <c r="V1" s="481"/>
      <c r="W1" s="481"/>
      <c r="X1" s="481"/>
      <c r="Y1" s="481"/>
      <c r="Z1" s="481"/>
    </row>
    <row r="2" spans="1:34" ht="57.6" customHeight="1">
      <c r="A2" s="100" t="s">
        <v>87</v>
      </c>
      <c r="B2" s="98"/>
      <c r="C2" s="98"/>
      <c r="D2" s="98"/>
      <c r="E2" s="98"/>
      <c r="F2" s="233"/>
      <c r="G2" s="99"/>
      <c r="H2" s="99"/>
      <c r="I2" s="99"/>
      <c r="J2" s="234"/>
      <c r="K2" s="98"/>
      <c r="L2" s="98"/>
      <c r="M2" s="98"/>
      <c r="N2" s="481"/>
      <c r="O2" s="481"/>
      <c r="P2" s="481"/>
      <c r="Q2" s="481"/>
      <c r="R2" s="481"/>
      <c r="S2" s="481"/>
      <c r="T2" s="481"/>
      <c r="U2" s="481"/>
      <c r="V2" s="481"/>
      <c r="W2" s="481"/>
      <c r="X2" s="481"/>
      <c r="Y2" s="481"/>
      <c r="Z2" s="481"/>
      <c r="AC2" s="479"/>
      <c r="AD2" s="480"/>
      <c r="AE2" s="480"/>
      <c r="AF2" s="480"/>
      <c r="AG2" s="480"/>
      <c r="AH2" s="480"/>
    </row>
    <row r="3" spans="1:34" ht="15" customHeight="1">
      <c r="A3" s="98"/>
      <c r="B3" s="98"/>
      <c r="C3" s="98"/>
      <c r="D3" s="98"/>
      <c r="E3" s="98"/>
      <c r="F3" s="233"/>
      <c r="G3" s="99"/>
      <c r="H3" s="99"/>
      <c r="I3" s="99"/>
      <c r="J3" s="98"/>
      <c r="K3" s="98"/>
      <c r="L3" s="98"/>
      <c r="M3" s="98"/>
      <c r="N3" s="98"/>
      <c r="O3" s="98"/>
      <c r="P3" s="98"/>
      <c r="Q3" s="98"/>
      <c r="R3" s="98"/>
      <c r="S3" s="98"/>
      <c r="T3" s="98"/>
      <c r="U3" s="98"/>
      <c r="V3" s="98"/>
      <c r="W3" s="169"/>
      <c r="X3" s="98"/>
      <c r="Y3" s="98"/>
      <c r="Z3" s="235" t="s">
        <v>159</v>
      </c>
    </row>
    <row r="4" spans="1:34" ht="16.2" customHeight="1">
      <c r="A4" s="98"/>
      <c r="B4" s="482" t="s">
        <v>137</v>
      </c>
      <c r="C4" s="483"/>
      <c r="D4" s="518" t="s">
        <v>86</v>
      </c>
      <c r="E4" s="518"/>
      <c r="F4" s="518"/>
      <c r="G4" s="519"/>
      <c r="H4" s="544" t="s">
        <v>85</v>
      </c>
      <c r="I4" s="545"/>
      <c r="J4" s="545"/>
      <c r="K4" s="545"/>
      <c r="L4" s="545"/>
      <c r="M4" s="545"/>
      <c r="N4" s="545"/>
      <c r="O4" s="546"/>
      <c r="P4" s="538" t="s">
        <v>84</v>
      </c>
      <c r="Q4" s="518"/>
      <c r="R4" s="518"/>
      <c r="S4" s="539"/>
      <c r="T4" s="538" t="s">
        <v>83</v>
      </c>
      <c r="U4" s="550"/>
      <c r="V4" s="550"/>
      <c r="W4" s="539"/>
      <c r="X4" s="556" t="s">
        <v>82</v>
      </c>
      <c r="Y4" s="512"/>
      <c r="Z4" s="557"/>
    </row>
    <row r="5" spans="1:34" ht="24" customHeight="1">
      <c r="A5" s="98"/>
      <c r="B5" s="484"/>
      <c r="C5" s="485"/>
      <c r="D5" s="520"/>
      <c r="E5" s="520"/>
      <c r="F5" s="520"/>
      <c r="G5" s="521"/>
      <c r="H5" s="507" t="s">
        <v>81</v>
      </c>
      <c r="I5" s="508"/>
      <c r="J5" s="508"/>
      <c r="K5" s="508"/>
      <c r="L5" s="535" t="s">
        <v>80</v>
      </c>
      <c r="M5" s="508"/>
      <c r="N5" s="508"/>
      <c r="O5" s="536"/>
      <c r="P5" s="540"/>
      <c r="Q5" s="520"/>
      <c r="R5" s="520"/>
      <c r="S5" s="541"/>
      <c r="T5" s="551"/>
      <c r="U5" s="552"/>
      <c r="V5" s="552"/>
      <c r="W5" s="541"/>
      <c r="X5" s="558"/>
      <c r="Y5" s="559"/>
      <c r="Z5" s="560"/>
    </row>
    <row r="6" spans="1:34" ht="24" customHeight="1">
      <c r="A6" s="98"/>
      <c r="B6" s="484"/>
      <c r="C6" s="485"/>
      <c r="D6" s="522"/>
      <c r="E6" s="522"/>
      <c r="F6" s="522"/>
      <c r="G6" s="523"/>
      <c r="H6" s="509"/>
      <c r="I6" s="510"/>
      <c r="J6" s="510"/>
      <c r="K6" s="510"/>
      <c r="L6" s="537"/>
      <c r="M6" s="510"/>
      <c r="N6" s="510"/>
      <c r="O6" s="523"/>
      <c r="P6" s="542"/>
      <c r="Q6" s="522"/>
      <c r="R6" s="522"/>
      <c r="S6" s="543"/>
      <c r="T6" s="553"/>
      <c r="U6" s="554"/>
      <c r="V6" s="554"/>
      <c r="W6" s="543"/>
      <c r="X6" s="561"/>
      <c r="Y6" s="562"/>
      <c r="Z6" s="563"/>
    </row>
    <row r="7" spans="1:34" ht="15" customHeight="1">
      <c r="A7" s="98"/>
      <c r="B7" s="484"/>
      <c r="C7" s="485"/>
      <c r="D7" s="530" t="s">
        <v>161</v>
      </c>
      <c r="E7" s="531"/>
      <c r="F7" s="531"/>
      <c r="G7" s="533"/>
      <c r="H7" s="530" t="s">
        <v>161</v>
      </c>
      <c r="I7" s="531"/>
      <c r="J7" s="531"/>
      <c r="K7" s="532"/>
      <c r="L7" s="555" t="s">
        <v>161</v>
      </c>
      <c r="M7" s="531"/>
      <c r="N7" s="531"/>
      <c r="O7" s="533"/>
      <c r="P7" s="530" t="s">
        <v>161</v>
      </c>
      <c r="Q7" s="531"/>
      <c r="R7" s="531"/>
      <c r="S7" s="533"/>
      <c r="T7" s="507" t="s">
        <v>160</v>
      </c>
      <c r="U7" s="564"/>
      <c r="V7" s="564"/>
      <c r="W7" s="565"/>
      <c r="X7" s="507" t="s">
        <v>28</v>
      </c>
      <c r="Y7" s="564"/>
      <c r="Z7" s="565"/>
    </row>
    <row r="8" spans="1:34" ht="15" customHeight="1">
      <c r="A8" s="98"/>
      <c r="B8" s="486"/>
      <c r="C8" s="487"/>
      <c r="D8" s="525" t="s">
        <v>168</v>
      </c>
      <c r="E8" s="526"/>
      <c r="F8" s="526"/>
      <c r="G8" s="527"/>
      <c r="H8" s="525" t="s">
        <v>168</v>
      </c>
      <c r="I8" s="526"/>
      <c r="J8" s="526"/>
      <c r="K8" s="526"/>
      <c r="L8" s="547" t="s">
        <v>168</v>
      </c>
      <c r="M8" s="526"/>
      <c r="N8" s="526"/>
      <c r="O8" s="527"/>
      <c r="P8" s="525" t="s">
        <v>168</v>
      </c>
      <c r="Q8" s="526"/>
      <c r="R8" s="526"/>
      <c r="S8" s="527"/>
      <c r="T8" s="525" t="s">
        <v>168</v>
      </c>
      <c r="U8" s="526"/>
      <c r="V8" s="526"/>
      <c r="W8" s="527"/>
      <c r="X8" s="566" t="s">
        <v>168</v>
      </c>
      <c r="Y8" s="567"/>
      <c r="Z8" s="568"/>
      <c r="AB8" s="11"/>
    </row>
    <row r="9" spans="1:34" ht="17.399999999999999" customHeight="1">
      <c r="A9" s="98"/>
      <c r="B9" s="427" t="s">
        <v>41</v>
      </c>
      <c r="C9" s="496"/>
      <c r="D9" s="511">
        <v>81622</v>
      </c>
      <c r="E9" s="512"/>
      <c r="F9" s="512"/>
      <c r="G9" s="236"/>
      <c r="H9" s="548">
        <v>46521</v>
      </c>
      <c r="I9" s="512"/>
      <c r="J9" s="512"/>
      <c r="K9" s="237"/>
      <c r="L9" s="549">
        <v>5876</v>
      </c>
      <c r="M9" s="517"/>
      <c r="N9" s="517"/>
      <c r="O9" s="238"/>
      <c r="P9" s="511">
        <v>735</v>
      </c>
      <c r="Q9" s="512"/>
      <c r="R9" s="512"/>
      <c r="S9" s="238"/>
      <c r="T9" s="577">
        <v>28359</v>
      </c>
      <c r="U9" s="512"/>
      <c r="V9" s="512"/>
      <c r="W9" s="239"/>
      <c r="X9" s="516">
        <f>D9-H9-L9-P9-T9</f>
        <v>131</v>
      </c>
      <c r="Y9" s="512"/>
      <c r="Z9" s="240"/>
      <c r="AA9" s="10"/>
      <c r="AB9" s="10"/>
    </row>
    <row r="10" spans="1:34" ht="17.399999999999999" customHeight="1">
      <c r="A10" s="98"/>
      <c r="B10" s="428"/>
      <c r="C10" s="491"/>
      <c r="D10" s="241"/>
      <c r="E10" s="242" t="s">
        <v>73</v>
      </c>
      <c r="F10" s="243">
        <f>SUM(H10:Z10)</f>
        <v>99.999999999999986</v>
      </c>
      <c r="G10" s="244" t="s">
        <v>72</v>
      </c>
      <c r="H10" s="245"/>
      <c r="I10" s="242" t="s">
        <v>73</v>
      </c>
      <c r="J10" s="246">
        <f>IF(H9/$D9*100=0,"― ",H9/$D9*100)</f>
        <v>56.995662934012891</v>
      </c>
      <c r="K10" s="247" t="s">
        <v>72</v>
      </c>
      <c r="L10" s="248"/>
      <c r="M10" s="249" t="s">
        <v>73</v>
      </c>
      <c r="N10" s="246">
        <f>IF(L9/$D9*100=0,"― ",L9/$D9*100)</f>
        <v>7.1990394746514417</v>
      </c>
      <c r="O10" s="244" t="s">
        <v>72</v>
      </c>
      <c r="P10" s="250"/>
      <c r="Q10" s="249" t="s">
        <v>73</v>
      </c>
      <c r="R10" s="246">
        <f>IF(P9/$D9*100=0,"― ",P9/$D9*100)</f>
        <v>0.90049251427311261</v>
      </c>
      <c r="S10" s="244" t="s">
        <v>72</v>
      </c>
      <c r="T10" s="251"/>
      <c r="U10" s="252" t="s">
        <v>73</v>
      </c>
      <c r="V10" s="246">
        <f>IF(T9/$D9*100=0,"― ",T9/$D9*100)</f>
        <v>34.744309132341769</v>
      </c>
      <c r="W10" s="244" t="s">
        <v>72</v>
      </c>
      <c r="X10" s="252" t="s">
        <v>73</v>
      </c>
      <c r="Y10" s="253">
        <f>IF(X9/$D9*100=0,"― ",X9/$D9*100)</f>
        <v>0.16049594472078604</v>
      </c>
      <c r="Z10" s="244" t="s">
        <v>72</v>
      </c>
      <c r="AB10" s="10"/>
    </row>
    <row r="11" spans="1:34" ht="17.399999999999999" customHeight="1">
      <c r="A11" s="98"/>
      <c r="B11" s="427" t="s">
        <v>32</v>
      </c>
      <c r="C11" s="496"/>
      <c r="D11" s="511">
        <v>16241</v>
      </c>
      <c r="E11" s="511"/>
      <c r="F11" s="511"/>
      <c r="G11" s="254"/>
      <c r="H11" s="511">
        <v>10370</v>
      </c>
      <c r="I11" s="512"/>
      <c r="J11" s="512"/>
      <c r="K11" s="255"/>
      <c r="L11" s="549">
        <v>1521</v>
      </c>
      <c r="M11" s="512"/>
      <c r="N11" s="512"/>
      <c r="O11" s="254"/>
      <c r="P11" s="511">
        <v>128</v>
      </c>
      <c r="Q11" s="512"/>
      <c r="R11" s="512"/>
      <c r="S11" s="254"/>
      <c r="T11" s="577">
        <v>4209</v>
      </c>
      <c r="U11" s="512"/>
      <c r="V11" s="512"/>
      <c r="W11" s="256"/>
      <c r="X11" s="576">
        <f>D11-H11-L11-P11-T11</f>
        <v>13</v>
      </c>
      <c r="Y11" s="512"/>
      <c r="Z11" s="256"/>
      <c r="AA11" s="10"/>
      <c r="AB11" s="10"/>
    </row>
    <row r="12" spans="1:34" ht="17.399999999999999" customHeight="1">
      <c r="A12" s="98"/>
      <c r="B12" s="497"/>
      <c r="C12" s="498"/>
      <c r="D12" s="257"/>
      <c r="E12" s="258" t="s">
        <v>73</v>
      </c>
      <c r="F12" s="243">
        <f>SUM(H12:Z12)</f>
        <v>100.00000000000001</v>
      </c>
      <c r="G12" s="259" t="s">
        <v>72</v>
      </c>
      <c r="H12" s="260"/>
      <c r="I12" s="261" t="s">
        <v>73</v>
      </c>
      <c r="J12" s="246">
        <f>IF(H11/$D11*100=0,"― ",H11/$D11*100)</f>
        <v>63.850748106643685</v>
      </c>
      <c r="K12" s="262" t="s">
        <v>72</v>
      </c>
      <c r="L12" s="263"/>
      <c r="M12" s="261" t="s">
        <v>73</v>
      </c>
      <c r="N12" s="246">
        <f>IF(L11/$D11*100=0,"― ",L11/$D11*100)</f>
        <v>9.3651868727295113</v>
      </c>
      <c r="O12" s="259" t="s">
        <v>72</v>
      </c>
      <c r="P12" s="263"/>
      <c r="Q12" s="261" t="s">
        <v>73</v>
      </c>
      <c r="R12" s="246">
        <f>IF(P11/$D11*100=0,"― ",P11/$D11*100)</f>
        <v>0.788128809802352</v>
      </c>
      <c r="S12" s="259" t="s">
        <v>72</v>
      </c>
      <c r="T12" s="264"/>
      <c r="U12" s="261" t="s">
        <v>73</v>
      </c>
      <c r="V12" s="246">
        <f>IF(T11/$D11*100=0,"― ",T11/$D11*100)</f>
        <v>25.915891878578908</v>
      </c>
      <c r="W12" s="259" t="s">
        <v>72</v>
      </c>
      <c r="X12" s="261" t="s">
        <v>73</v>
      </c>
      <c r="Y12" s="265">
        <f>IF(X11/$D11*100=0,"― ",X11/$D11*100)</f>
        <v>8.0044332245551381E-2</v>
      </c>
      <c r="Z12" s="259" t="s">
        <v>72</v>
      </c>
      <c r="AB12" s="6"/>
    </row>
    <row r="13" spans="1:34" ht="17.399999999999999" customHeight="1">
      <c r="A13" s="98"/>
      <c r="B13" s="427" t="s">
        <v>79</v>
      </c>
      <c r="C13" s="496"/>
      <c r="D13" s="511">
        <v>3425</v>
      </c>
      <c r="E13" s="511"/>
      <c r="F13" s="511"/>
      <c r="G13" s="254"/>
      <c r="H13" s="511">
        <v>2121</v>
      </c>
      <c r="I13" s="512"/>
      <c r="J13" s="512"/>
      <c r="K13" s="266"/>
      <c r="L13" s="511">
        <v>432</v>
      </c>
      <c r="M13" s="512"/>
      <c r="N13" s="512"/>
      <c r="O13" s="254"/>
      <c r="P13" s="511">
        <v>24</v>
      </c>
      <c r="Q13" s="512"/>
      <c r="R13" s="512"/>
      <c r="S13" s="254"/>
      <c r="T13" s="577">
        <v>777</v>
      </c>
      <c r="U13" s="512"/>
      <c r="V13" s="512"/>
      <c r="W13" s="267"/>
      <c r="X13" s="516">
        <f>D13-H13-L13-P13-T13</f>
        <v>71</v>
      </c>
      <c r="Y13" s="512"/>
      <c r="Z13" s="267"/>
      <c r="AA13" s="10"/>
      <c r="AB13" s="10"/>
    </row>
    <row r="14" spans="1:34" ht="17.399999999999999" customHeight="1">
      <c r="A14" s="98"/>
      <c r="B14" s="497"/>
      <c r="C14" s="498"/>
      <c r="D14" s="257"/>
      <c r="E14" s="258" t="s">
        <v>73</v>
      </c>
      <c r="F14" s="243">
        <f>SUM(H14:Z14)</f>
        <v>100.00000000000001</v>
      </c>
      <c r="G14" s="259" t="s">
        <v>72</v>
      </c>
      <c r="H14" s="260"/>
      <c r="I14" s="268" t="s">
        <v>73</v>
      </c>
      <c r="J14" s="269">
        <f>IF(H13/$D13*100=0,"― ",H13/$D13*100)</f>
        <v>61.927007299270073</v>
      </c>
      <c r="K14" s="262" t="s">
        <v>72</v>
      </c>
      <c r="L14" s="263"/>
      <c r="M14" s="268" t="s">
        <v>73</v>
      </c>
      <c r="N14" s="269">
        <f>L13/D13*100</f>
        <v>12.613138686131386</v>
      </c>
      <c r="O14" s="259" t="s">
        <v>72</v>
      </c>
      <c r="P14" s="263"/>
      <c r="Q14" s="268" t="s">
        <v>73</v>
      </c>
      <c r="R14" s="269">
        <f>IF(P13/$D13*100=0,"― ",P13/$D13*100)</f>
        <v>0.70072992700729919</v>
      </c>
      <c r="S14" s="259" t="s">
        <v>72</v>
      </c>
      <c r="T14" s="264"/>
      <c r="U14" s="268" t="s">
        <v>73</v>
      </c>
      <c r="V14" s="269">
        <f>IF(T13/$D13*100=0,"― ",T13/$D13*100)</f>
        <v>22.686131386861312</v>
      </c>
      <c r="W14" s="259" t="s">
        <v>72</v>
      </c>
      <c r="X14" s="268" t="s">
        <v>73</v>
      </c>
      <c r="Y14" s="270">
        <f>IF(X13/$D13*100=0,"― ",X13/$D13*100)</f>
        <v>2.0729927007299271</v>
      </c>
      <c r="Z14" s="259" t="s">
        <v>72</v>
      </c>
    </row>
    <row r="15" spans="1:34" ht="17.399999999999999" customHeight="1">
      <c r="A15" s="98"/>
      <c r="B15" s="499" t="s">
        <v>78</v>
      </c>
      <c r="C15" s="500"/>
      <c r="D15" s="488">
        <v>6653</v>
      </c>
      <c r="E15" s="488"/>
      <c r="F15" s="488"/>
      <c r="G15" s="271"/>
      <c r="H15" s="488">
        <v>4180</v>
      </c>
      <c r="I15" s="528"/>
      <c r="J15" s="528"/>
      <c r="K15" s="272"/>
      <c r="L15" s="488">
        <v>676</v>
      </c>
      <c r="M15" s="528"/>
      <c r="N15" s="528"/>
      <c r="O15" s="271"/>
      <c r="P15" s="488">
        <v>67</v>
      </c>
      <c r="Q15" s="528"/>
      <c r="R15" s="528"/>
      <c r="S15" s="271"/>
      <c r="T15" s="573">
        <v>1729</v>
      </c>
      <c r="U15" s="528"/>
      <c r="V15" s="528"/>
      <c r="W15" s="273"/>
      <c r="X15" s="575">
        <f>D15-H15-L15-P15-T15</f>
        <v>1</v>
      </c>
      <c r="Y15" s="528"/>
      <c r="Z15" s="273"/>
      <c r="AA15" s="10"/>
      <c r="AB15" s="10"/>
    </row>
    <row r="16" spans="1:34" ht="17.399999999999999" customHeight="1">
      <c r="A16" s="98"/>
      <c r="B16" s="501"/>
      <c r="C16" s="502"/>
      <c r="D16" s="274"/>
      <c r="E16" s="275" t="s">
        <v>73</v>
      </c>
      <c r="F16" s="243">
        <f>SUM(H16:Z16)</f>
        <v>99.999999999999986</v>
      </c>
      <c r="G16" s="276" t="s">
        <v>72</v>
      </c>
      <c r="H16" s="277"/>
      <c r="I16" s="278" t="s">
        <v>73</v>
      </c>
      <c r="J16" s="279">
        <f>IF(H15/$D15*100=0,"― ",H15/$D15*100)</f>
        <v>62.82879903802796</v>
      </c>
      <c r="K16" s="280" t="s">
        <v>72</v>
      </c>
      <c r="L16" s="281"/>
      <c r="M16" s="278" t="s">
        <v>73</v>
      </c>
      <c r="N16" s="279">
        <f>IF(L15/$D15*100=0,"― ",L15/$D15*100)</f>
        <v>10.160829700886818</v>
      </c>
      <c r="O16" s="276" t="s">
        <v>72</v>
      </c>
      <c r="P16" s="281"/>
      <c r="Q16" s="278" t="s">
        <v>73</v>
      </c>
      <c r="R16" s="279">
        <f>IF(P15/$D15*100=0,"― ",P15/$D15*100)</f>
        <v>1.0070644821884864</v>
      </c>
      <c r="S16" s="276" t="s">
        <v>72</v>
      </c>
      <c r="T16" s="282"/>
      <c r="U16" s="278" t="s">
        <v>73</v>
      </c>
      <c r="V16" s="279">
        <f>IF(T15/$D15*100=0,"― ",T15/$D15*100)</f>
        <v>25.988275965729745</v>
      </c>
      <c r="W16" s="283" t="s">
        <v>72</v>
      </c>
      <c r="X16" s="278" t="s">
        <v>73</v>
      </c>
      <c r="Y16" s="270">
        <f>IF(X15/$D15*100=0,"― ",X15/$D15*100)</f>
        <v>1.5030813166992335E-2</v>
      </c>
      <c r="Z16" s="283" t="s">
        <v>72</v>
      </c>
    </row>
    <row r="17" spans="1:28" ht="17.399999999999999" customHeight="1">
      <c r="A17" s="98"/>
      <c r="B17" s="497" t="s">
        <v>77</v>
      </c>
      <c r="C17" s="498"/>
      <c r="D17" s="524">
        <v>4567</v>
      </c>
      <c r="E17" s="524"/>
      <c r="F17" s="524"/>
      <c r="G17" s="284"/>
      <c r="H17" s="524">
        <v>2593</v>
      </c>
      <c r="I17" s="529"/>
      <c r="J17" s="529"/>
      <c r="K17" s="285"/>
      <c r="L17" s="524">
        <v>473</v>
      </c>
      <c r="M17" s="534"/>
      <c r="N17" s="534"/>
      <c r="O17" s="284"/>
      <c r="P17" s="524">
        <v>36</v>
      </c>
      <c r="Q17" s="534"/>
      <c r="R17" s="514"/>
      <c r="S17" s="284"/>
      <c r="T17" s="569">
        <v>1463</v>
      </c>
      <c r="U17" s="514"/>
      <c r="V17" s="514"/>
      <c r="W17" s="286"/>
      <c r="X17" s="572">
        <f>D17-(H17+L17+P17+T17)</f>
        <v>2</v>
      </c>
      <c r="Y17" s="559"/>
      <c r="Z17" s="286"/>
      <c r="AA17" s="10"/>
      <c r="AB17" s="10"/>
    </row>
    <row r="18" spans="1:28" ht="17.399999999999999" customHeight="1">
      <c r="A18" s="98"/>
      <c r="B18" s="497"/>
      <c r="C18" s="498"/>
      <c r="D18" s="257"/>
      <c r="E18" s="258" t="s">
        <v>73</v>
      </c>
      <c r="F18" s="243">
        <f>SUM(H18:Z18)</f>
        <v>99.999999999999986</v>
      </c>
      <c r="G18" s="259" t="s">
        <v>72</v>
      </c>
      <c r="H18" s="260"/>
      <c r="I18" s="268" t="s">
        <v>73</v>
      </c>
      <c r="J18" s="269">
        <f>IF(H17/$D17*100=0,"― ",H17/$D17*100)</f>
        <v>56.776877600175169</v>
      </c>
      <c r="K18" s="262" t="s">
        <v>141</v>
      </c>
      <c r="L18" s="263"/>
      <c r="M18" s="268" t="s">
        <v>73</v>
      </c>
      <c r="N18" s="269">
        <f>IF(L17/$D17*100=0,"― ",L17/$D17*100)</f>
        <v>10.356908254871907</v>
      </c>
      <c r="O18" s="259" t="s">
        <v>72</v>
      </c>
      <c r="P18" s="263"/>
      <c r="Q18" s="268" t="s">
        <v>73</v>
      </c>
      <c r="R18" s="269">
        <f>IF(P17/$D17*100=0,"― ",P17/$D17*100)</f>
        <v>0.78826363039194225</v>
      </c>
      <c r="S18" s="259" t="s">
        <v>72</v>
      </c>
      <c r="T18" s="264"/>
      <c r="U18" s="268" t="s">
        <v>73</v>
      </c>
      <c r="V18" s="269">
        <f>IF(T17/$D17*100=0,"― ",T17/$D17*100)</f>
        <v>32.034158090650315</v>
      </c>
      <c r="W18" s="259" t="s">
        <v>72</v>
      </c>
      <c r="X18" s="268" t="s">
        <v>73</v>
      </c>
      <c r="Y18" s="265">
        <f>IF(X17/$D17*100=0,"― ",X17/$D17*100)</f>
        <v>4.3792423910663458E-2</v>
      </c>
      <c r="Z18" s="259" t="s">
        <v>72</v>
      </c>
    </row>
    <row r="19" spans="1:28" s="6" customFormat="1" ht="17.399999999999999" customHeight="1">
      <c r="A19" s="287"/>
      <c r="B19" s="499" t="s">
        <v>76</v>
      </c>
      <c r="C19" s="500"/>
      <c r="D19" s="488">
        <v>3843</v>
      </c>
      <c r="E19" s="488"/>
      <c r="F19" s="488"/>
      <c r="G19" s="288"/>
      <c r="H19" s="488">
        <v>2266</v>
      </c>
      <c r="I19" s="506"/>
      <c r="J19" s="506"/>
      <c r="K19" s="289"/>
      <c r="L19" s="488">
        <v>556</v>
      </c>
      <c r="M19" s="506"/>
      <c r="N19" s="506"/>
      <c r="O19" s="288"/>
      <c r="P19" s="488">
        <v>15</v>
      </c>
      <c r="Q19" s="506"/>
      <c r="R19" s="506"/>
      <c r="S19" s="288"/>
      <c r="T19" s="573">
        <v>1001</v>
      </c>
      <c r="U19" s="506"/>
      <c r="V19" s="506"/>
      <c r="W19" s="290"/>
      <c r="X19" s="575">
        <f>D19-H19-L19-P19-T19</f>
        <v>5</v>
      </c>
      <c r="Y19" s="528"/>
      <c r="Z19" s="290"/>
      <c r="AA19" s="10"/>
      <c r="AB19" s="10"/>
    </row>
    <row r="20" spans="1:28" s="6" customFormat="1" ht="17.399999999999999" customHeight="1">
      <c r="A20" s="287"/>
      <c r="B20" s="501"/>
      <c r="C20" s="502"/>
      <c r="D20" s="274"/>
      <c r="E20" s="275" t="s">
        <v>73</v>
      </c>
      <c r="F20" s="243">
        <f>SUM(H20:Z20)</f>
        <v>100</v>
      </c>
      <c r="G20" s="276" t="s">
        <v>72</v>
      </c>
      <c r="H20" s="277"/>
      <c r="I20" s="278" t="s">
        <v>142</v>
      </c>
      <c r="J20" s="279">
        <f>IF(H19/$D19*100=0,"― ",H19/$D19*100)</f>
        <v>58.964350767629462</v>
      </c>
      <c r="K20" s="280" t="s">
        <v>72</v>
      </c>
      <c r="L20" s="281"/>
      <c r="M20" s="278" t="s">
        <v>73</v>
      </c>
      <c r="N20" s="279">
        <f>IF(L19/$D19*100=0,"― ",L19/$D19*100)</f>
        <v>14.467863648191518</v>
      </c>
      <c r="O20" s="276" t="s">
        <v>72</v>
      </c>
      <c r="P20" s="281"/>
      <c r="Q20" s="278" t="s">
        <v>73</v>
      </c>
      <c r="R20" s="279">
        <f>IF(P19/$D19*100=0,"― ",P19/$D19*100)</f>
        <v>0.39032006245120998</v>
      </c>
      <c r="S20" s="276" t="s">
        <v>72</v>
      </c>
      <c r="T20" s="282"/>
      <c r="U20" s="278" t="s">
        <v>73</v>
      </c>
      <c r="V20" s="279">
        <f>IF(T19/$D19*100=0,"― ",T19/$D19*100)</f>
        <v>26.047358834244079</v>
      </c>
      <c r="W20" s="276" t="s">
        <v>72</v>
      </c>
      <c r="X20" s="278" t="s">
        <v>73</v>
      </c>
      <c r="Y20" s="270">
        <f>IF(X19/$D19*100=0,"― ",X19/$D19*100)</f>
        <v>0.13010668748373666</v>
      </c>
      <c r="Z20" s="276" t="s">
        <v>72</v>
      </c>
    </row>
    <row r="21" spans="1:28" ht="17.399999999999999" customHeight="1">
      <c r="A21" s="98"/>
      <c r="B21" s="497" t="s">
        <v>75</v>
      </c>
      <c r="C21" s="498"/>
      <c r="D21" s="513">
        <v>6924</v>
      </c>
      <c r="E21" s="513"/>
      <c r="F21" s="513"/>
      <c r="G21" s="291"/>
      <c r="H21" s="513">
        <v>4652</v>
      </c>
      <c r="I21" s="515"/>
      <c r="J21" s="515"/>
      <c r="K21" s="292"/>
      <c r="L21" s="513">
        <v>539</v>
      </c>
      <c r="M21" s="514"/>
      <c r="N21" s="514"/>
      <c r="O21" s="291"/>
      <c r="P21" s="513">
        <v>58</v>
      </c>
      <c r="Q21" s="514"/>
      <c r="R21" s="514"/>
      <c r="S21" s="291"/>
      <c r="T21" s="574">
        <v>1675</v>
      </c>
      <c r="U21" s="514"/>
      <c r="V21" s="514"/>
      <c r="W21" s="286"/>
      <c r="X21" s="578">
        <f>D21-(H21+L21+P21+T21)</f>
        <v>0</v>
      </c>
      <c r="Y21" s="528"/>
      <c r="Z21" s="286"/>
      <c r="AA21" s="10"/>
      <c r="AB21" s="10"/>
    </row>
    <row r="22" spans="1:28" ht="17.399999999999999" customHeight="1">
      <c r="A22" s="98"/>
      <c r="B22" s="497"/>
      <c r="C22" s="498"/>
      <c r="D22" s="257"/>
      <c r="E22" s="258" t="s">
        <v>73</v>
      </c>
      <c r="F22" s="243">
        <f>SUM(H22:Z22)</f>
        <v>100</v>
      </c>
      <c r="G22" s="259" t="s">
        <v>72</v>
      </c>
      <c r="H22" s="260"/>
      <c r="I22" s="293" t="s">
        <v>142</v>
      </c>
      <c r="J22" s="246">
        <f>IF(H21/$D21*100=0,"― ",H21/$D21*100)</f>
        <v>67.186597342576547</v>
      </c>
      <c r="K22" s="262" t="s">
        <v>72</v>
      </c>
      <c r="L22" s="263"/>
      <c r="M22" s="293" t="s">
        <v>73</v>
      </c>
      <c r="N22" s="246">
        <f>IF(L21/$D21*100=0,"― ",L21/$D21*100)</f>
        <v>7.784517619872906</v>
      </c>
      <c r="O22" s="259" t="s">
        <v>72</v>
      </c>
      <c r="P22" s="263"/>
      <c r="Q22" s="293" t="s">
        <v>73</v>
      </c>
      <c r="R22" s="246">
        <f>IF(P21/$D21*100=0,"― ",P21/$D21*100)</f>
        <v>0.83766608896591566</v>
      </c>
      <c r="S22" s="259" t="s">
        <v>72</v>
      </c>
      <c r="T22" s="264"/>
      <c r="U22" s="293" t="s">
        <v>73</v>
      </c>
      <c r="V22" s="246">
        <f>IF(T21/$D21*100=0,"― ",T21/$D21*100)</f>
        <v>24.191218948584634</v>
      </c>
      <c r="W22" s="259" t="s">
        <v>72</v>
      </c>
      <c r="X22" s="293" t="s">
        <v>73</v>
      </c>
      <c r="Y22" s="265" t="str">
        <f>IF(X21/$D21*100=0,"― ",X21/$D21*100)</f>
        <v xml:space="preserve">― </v>
      </c>
      <c r="Z22" s="259" t="s">
        <v>72</v>
      </c>
    </row>
    <row r="23" spans="1:28" ht="17.399999999999999" customHeight="1">
      <c r="A23" s="98"/>
      <c r="B23" s="427" t="s">
        <v>22</v>
      </c>
      <c r="C23" s="496"/>
      <c r="D23" s="511">
        <f>D17+D19+D21+D15+D13</f>
        <v>25412</v>
      </c>
      <c r="E23" s="511"/>
      <c r="F23" s="511"/>
      <c r="G23" s="254"/>
      <c r="H23" s="516">
        <f>H13+H15+H17+H19+H21</f>
        <v>15812</v>
      </c>
      <c r="I23" s="512"/>
      <c r="J23" s="512"/>
      <c r="K23" s="266"/>
      <c r="L23" s="511">
        <f>L13+L15+L17+L19+L21</f>
        <v>2676</v>
      </c>
      <c r="M23" s="512"/>
      <c r="N23" s="512"/>
      <c r="O23" s="254"/>
      <c r="P23" s="511">
        <f>P13+P15+P17+P19+P21</f>
        <v>200</v>
      </c>
      <c r="Q23" s="512"/>
      <c r="R23" s="512"/>
      <c r="S23" s="254"/>
      <c r="T23" s="577">
        <f>T13+T15+T17+T19+T21</f>
        <v>6645</v>
      </c>
      <c r="U23" s="512"/>
      <c r="V23" s="512"/>
      <c r="W23" s="254"/>
      <c r="X23" s="516">
        <f>D23-(H23+L23+P23+T23)</f>
        <v>79</v>
      </c>
      <c r="Y23" s="512"/>
      <c r="Z23" s="254"/>
      <c r="AA23" s="10"/>
      <c r="AB23" s="10"/>
    </row>
    <row r="24" spans="1:28" ht="17.399999999999999" customHeight="1">
      <c r="A24" s="98"/>
      <c r="B24" s="428"/>
      <c r="C24" s="491"/>
      <c r="D24" s="241"/>
      <c r="E24" s="242" t="s">
        <v>73</v>
      </c>
      <c r="F24" s="243">
        <f>SUM(H24:Z24)</f>
        <v>100</v>
      </c>
      <c r="G24" s="244" t="s">
        <v>72</v>
      </c>
      <c r="H24" s="294"/>
      <c r="I24" s="295" t="s">
        <v>73</v>
      </c>
      <c r="J24" s="246">
        <f>IF(H23/$D23*100=0,"― ",H23/$D23*100)</f>
        <v>62.222572013222099</v>
      </c>
      <c r="K24" s="296" t="s">
        <v>72</v>
      </c>
      <c r="L24" s="250"/>
      <c r="M24" s="295" t="s">
        <v>73</v>
      </c>
      <c r="N24" s="246">
        <f>IF(L23/$D23*100=0,"― ",L23/$D23*100)</f>
        <v>10.530458051314341</v>
      </c>
      <c r="O24" s="244" t="s">
        <v>72</v>
      </c>
      <c r="P24" s="250"/>
      <c r="Q24" s="295" t="s">
        <v>73</v>
      </c>
      <c r="R24" s="246">
        <f>IF(P23/$D23*100=0,"― ",P23/$D23*100)</f>
        <v>0.78702974972453954</v>
      </c>
      <c r="S24" s="244" t="s">
        <v>72</v>
      </c>
      <c r="T24" s="251"/>
      <c r="U24" s="295" t="s">
        <v>142</v>
      </c>
      <c r="V24" s="246">
        <f>IF(T23/$D23*100=0,"― ",T23/$D23*100)</f>
        <v>26.149063434597831</v>
      </c>
      <c r="W24" s="244" t="s">
        <v>72</v>
      </c>
      <c r="X24" s="295" t="s">
        <v>73</v>
      </c>
      <c r="Y24" s="265">
        <f>IF(X23/$D23*100=0,"― ",X23/$D23*100)</f>
        <v>0.31087675114119312</v>
      </c>
      <c r="Z24" s="244" t="s">
        <v>72</v>
      </c>
    </row>
    <row r="25" spans="1:28" ht="17.399999999999999" customHeight="1">
      <c r="A25" s="98"/>
      <c r="B25" s="497" t="s">
        <v>12</v>
      </c>
      <c r="C25" s="498"/>
      <c r="D25" s="511">
        <v>6348</v>
      </c>
      <c r="E25" s="511"/>
      <c r="F25" s="511"/>
      <c r="G25" s="291"/>
      <c r="H25" s="511">
        <v>2075</v>
      </c>
      <c r="I25" s="517"/>
      <c r="J25" s="517"/>
      <c r="K25" s="292"/>
      <c r="L25" s="511">
        <v>358</v>
      </c>
      <c r="M25" s="517"/>
      <c r="N25" s="517"/>
      <c r="O25" s="291"/>
      <c r="P25" s="511">
        <v>54</v>
      </c>
      <c r="Q25" s="517"/>
      <c r="R25" s="517"/>
      <c r="S25" s="291"/>
      <c r="T25" s="577">
        <v>3833</v>
      </c>
      <c r="U25" s="517"/>
      <c r="V25" s="517"/>
      <c r="W25" s="286"/>
      <c r="X25" s="516">
        <f>D25-(H25+L25+P25+T25)</f>
        <v>28</v>
      </c>
      <c r="Y25" s="512"/>
      <c r="Z25" s="286"/>
      <c r="AA25" s="10"/>
      <c r="AB25" s="10"/>
    </row>
    <row r="26" spans="1:28" ht="17.399999999999999" customHeight="1">
      <c r="A26" s="98"/>
      <c r="B26" s="497"/>
      <c r="C26" s="498"/>
      <c r="D26" s="257"/>
      <c r="E26" s="258" t="s">
        <v>142</v>
      </c>
      <c r="F26" s="243">
        <f>SUM(H26:Z26)</f>
        <v>100.00000000000001</v>
      </c>
      <c r="G26" s="259" t="s">
        <v>72</v>
      </c>
      <c r="H26" s="260"/>
      <c r="I26" s="268" t="s">
        <v>73</v>
      </c>
      <c r="J26" s="269">
        <f>IF(H25/$D25*100=0,"― ",H25/$D25*100)</f>
        <v>32.687460617517331</v>
      </c>
      <c r="K26" s="262" t="s">
        <v>72</v>
      </c>
      <c r="L26" s="297"/>
      <c r="M26" s="268" t="s">
        <v>73</v>
      </c>
      <c r="N26" s="269">
        <f>IF(L25/$D25*100=0,"― ",L25/$D25*100)</f>
        <v>5.6395715185885322</v>
      </c>
      <c r="O26" s="259" t="s">
        <v>72</v>
      </c>
      <c r="P26" s="297"/>
      <c r="Q26" s="268" t="s">
        <v>73</v>
      </c>
      <c r="R26" s="269">
        <f>IF(P25/$D25*100=0,"― ",P25/$D25*100)</f>
        <v>0.85066162570888471</v>
      </c>
      <c r="S26" s="259" t="s">
        <v>72</v>
      </c>
      <c r="T26" s="298"/>
      <c r="U26" s="268" t="s">
        <v>73</v>
      </c>
      <c r="V26" s="269">
        <f>IF(T25/$D25*100=0,"― ",T25/$D25*100)</f>
        <v>60.381222432262128</v>
      </c>
      <c r="W26" s="259" t="s">
        <v>72</v>
      </c>
      <c r="X26" s="268" t="s">
        <v>73</v>
      </c>
      <c r="Y26" s="265">
        <f>IF(X25/$D25*100=0,"― ",X25/$D25*100)</f>
        <v>0.4410838059231254</v>
      </c>
      <c r="Z26" s="259" t="s">
        <v>72</v>
      </c>
    </row>
    <row r="27" spans="1:28" ht="17.399999999999999" customHeight="1">
      <c r="A27" s="98"/>
      <c r="B27" s="499" t="s">
        <v>38</v>
      </c>
      <c r="C27" s="500"/>
      <c r="D27" s="488">
        <v>2959</v>
      </c>
      <c r="E27" s="488"/>
      <c r="F27" s="488"/>
      <c r="G27" s="288"/>
      <c r="H27" s="488">
        <v>1742</v>
      </c>
      <c r="I27" s="506"/>
      <c r="J27" s="506"/>
      <c r="K27" s="289"/>
      <c r="L27" s="488">
        <v>280</v>
      </c>
      <c r="M27" s="506"/>
      <c r="N27" s="506"/>
      <c r="O27" s="288"/>
      <c r="P27" s="488">
        <v>28</v>
      </c>
      <c r="Q27" s="506"/>
      <c r="R27" s="506"/>
      <c r="S27" s="288"/>
      <c r="T27" s="573">
        <v>908</v>
      </c>
      <c r="U27" s="506"/>
      <c r="V27" s="506"/>
      <c r="W27" s="290"/>
      <c r="X27" s="575">
        <f>D27-(H27+L27+P27+T27)</f>
        <v>1</v>
      </c>
      <c r="Y27" s="528"/>
      <c r="Z27" s="290"/>
      <c r="AA27" s="10"/>
      <c r="AB27" s="10"/>
    </row>
    <row r="28" spans="1:28" ht="17.399999999999999" customHeight="1">
      <c r="A28" s="98"/>
      <c r="B28" s="501"/>
      <c r="C28" s="502"/>
      <c r="D28" s="274"/>
      <c r="E28" s="275" t="s">
        <v>73</v>
      </c>
      <c r="F28" s="243">
        <f>SUM(H28:Z28)</f>
        <v>99.999999999999986</v>
      </c>
      <c r="G28" s="276" t="s">
        <v>72</v>
      </c>
      <c r="H28" s="277"/>
      <c r="I28" s="278" t="s">
        <v>73</v>
      </c>
      <c r="J28" s="279">
        <f>IF(H27/$D27*100=0,"― ",H27/$D27*100)</f>
        <v>58.871240283879686</v>
      </c>
      <c r="K28" s="280" t="s">
        <v>72</v>
      </c>
      <c r="L28" s="299"/>
      <c r="M28" s="278" t="s">
        <v>73</v>
      </c>
      <c r="N28" s="279">
        <f>IF(L27/$D27*100=0,"― ",L27/$D27*100)</f>
        <v>9.4626563028050015</v>
      </c>
      <c r="O28" s="276" t="s">
        <v>72</v>
      </c>
      <c r="P28" s="281"/>
      <c r="Q28" s="278" t="s">
        <v>73</v>
      </c>
      <c r="R28" s="279">
        <f>IF(P27/$D27*100=0,"― ",P27/$D27*100)</f>
        <v>0.94626563028050015</v>
      </c>
      <c r="S28" s="276" t="s">
        <v>72</v>
      </c>
      <c r="T28" s="282"/>
      <c r="U28" s="278" t="s">
        <v>73</v>
      </c>
      <c r="V28" s="279">
        <f>IF(T27/$D27*100=0,"― ",T27/$D27*100)</f>
        <v>30.686042581953359</v>
      </c>
      <c r="W28" s="276" t="s">
        <v>72</v>
      </c>
      <c r="X28" s="278" t="s">
        <v>73</v>
      </c>
      <c r="Y28" s="270">
        <f>IF(X27/$D27*100=0,"― ",X27/$D27*100)</f>
        <v>3.379520108144643E-2</v>
      </c>
      <c r="Z28" s="276" t="s">
        <v>72</v>
      </c>
    </row>
    <row r="29" spans="1:28" ht="17.399999999999999" customHeight="1">
      <c r="A29" s="98"/>
      <c r="B29" s="497" t="s">
        <v>135</v>
      </c>
      <c r="C29" s="498"/>
      <c r="D29" s="513">
        <v>10662</v>
      </c>
      <c r="E29" s="513"/>
      <c r="F29" s="513"/>
      <c r="G29" s="291"/>
      <c r="H29" s="513">
        <v>5646</v>
      </c>
      <c r="I29" s="514"/>
      <c r="J29" s="514"/>
      <c r="K29" s="292"/>
      <c r="L29" s="513">
        <v>796</v>
      </c>
      <c r="M29" s="514"/>
      <c r="N29" s="514"/>
      <c r="O29" s="291"/>
      <c r="P29" s="513">
        <v>106</v>
      </c>
      <c r="Q29" s="514"/>
      <c r="R29" s="514"/>
      <c r="S29" s="291"/>
      <c r="T29" s="574">
        <v>4103</v>
      </c>
      <c r="U29" s="514"/>
      <c r="V29" s="514"/>
      <c r="W29" s="286"/>
      <c r="X29" s="572">
        <f>D29-(H29+L29+P29+T29)</f>
        <v>11</v>
      </c>
      <c r="Y29" s="559"/>
      <c r="Z29" s="286"/>
      <c r="AA29" s="10"/>
      <c r="AB29" s="10"/>
    </row>
    <row r="30" spans="1:28" ht="17.399999999999999" customHeight="1">
      <c r="A30" s="98"/>
      <c r="B30" s="428"/>
      <c r="C30" s="491"/>
      <c r="D30" s="241"/>
      <c r="E30" s="242" t="s">
        <v>73</v>
      </c>
      <c r="F30" s="243">
        <f>SUM(H30:Z30)</f>
        <v>100</v>
      </c>
      <c r="G30" s="244" t="s">
        <v>72</v>
      </c>
      <c r="H30" s="294"/>
      <c r="I30" s="300" t="s">
        <v>73</v>
      </c>
      <c r="J30" s="246">
        <f>IF(H29/$D29*100=0,"― ",H29/$D29*100)</f>
        <v>52.954417557681488</v>
      </c>
      <c r="K30" s="296" t="s">
        <v>141</v>
      </c>
      <c r="L30" s="247"/>
      <c r="M30" s="300" t="s">
        <v>73</v>
      </c>
      <c r="N30" s="246">
        <f>IF(L29/$D29*100=0,"― ",L29/$D29*100)</f>
        <v>7.4657662727443261</v>
      </c>
      <c r="O30" s="244" t="s">
        <v>72</v>
      </c>
      <c r="P30" s="250"/>
      <c r="Q30" s="300" t="s">
        <v>73</v>
      </c>
      <c r="R30" s="246">
        <f>IF(P29/$D29*100=0,"― ",P29/$D29*100)</f>
        <v>0.99418495591821421</v>
      </c>
      <c r="S30" s="244" t="s">
        <v>72</v>
      </c>
      <c r="T30" s="251"/>
      <c r="U30" s="300" t="s">
        <v>73</v>
      </c>
      <c r="V30" s="246">
        <f>IF(T29/$D29*100=0,"― ",T29/$D29*100)</f>
        <v>38.482461076721066</v>
      </c>
      <c r="W30" s="244" t="s">
        <v>72</v>
      </c>
      <c r="X30" s="300" t="s">
        <v>73</v>
      </c>
      <c r="Y30" s="265">
        <f>IF(X29/$D29*100=0,"― ",X29/$D29*100)</f>
        <v>0.10317013693490902</v>
      </c>
      <c r="Z30" s="244" t="s">
        <v>72</v>
      </c>
    </row>
    <row r="31" spans="1:28" ht="17.399999999999999" customHeight="1">
      <c r="A31" s="98"/>
      <c r="B31" s="427" t="s">
        <v>74</v>
      </c>
      <c r="C31" s="496"/>
      <c r="D31" s="511">
        <f>D25+D27+D29</f>
        <v>19969</v>
      </c>
      <c r="E31" s="511"/>
      <c r="F31" s="511"/>
      <c r="G31" s="254"/>
      <c r="H31" s="511">
        <f>H25+H27+H29</f>
        <v>9463</v>
      </c>
      <c r="I31" s="512"/>
      <c r="J31" s="512"/>
      <c r="K31" s="266"/>
      <c r="L31" s="511">
        <f>L25+L27+L29</f>
        <v>1434</v>
      </c>
      <c r="M31" s="512"/>
      <c r="N31" s="512"/>
      <c r="O31" s="254"/>
      <c r="P31" s="511">
        <f>P25+P27+P29</f>
        <v>188</v>
      </c>
      <c r="Q31" s="512"/>
      <c r="R31" s="512"/>
      <c r="S31" s="254"/>
      <c r="T31" s="577">
        <f>T25+T27+T29</f>
        <v>8844</v>
      </c>
      <c r="U31" s="512"/>
      <c r="V31" s="512"/>
      <c r="W31" s="254"/>
      <c r="X31" s="511">
        <f>X25+X27+X29</f>
        <v>40</v>
      </c>
      <c r="Y31" s="517"/>
      <c r="Z31" s="254"/>
      <c r="AA31" s="10"/>
      <c r="AB31" s="10"/>
    </row>
    <row r="32" spans="1:28" ht="17.399999999999999" customHeight="1" thickBot="1">
      <c r="A32" s="98"/>
      <c r="B32" s="503"/>
      <c r="C32" s="504"/>
      <c r="D32" s="301"/>
      <c r="E32" s="302" t="s">
        <v>73</v>
      </c>
      <c r="F32" s="243">
        <f>SUM(H32:Z32)</f>
        <v>100</v>
      </c>
      <c r="G32" s="303" t="s">
        <v>72</v>
      </c>
      <c r="H32" s="304"/>
      <c r="I32" s="305" t="s">
        <v>73</v>
      </c>
      <c r="J32" s="246">
        <f>IF(H31/$D31*100=0,"― ",H31/$D31*100)</f>
        <v>47.388452100756176</v>
      </c>
      <c r="K32" s="306" t="s">
        <v>72</v>
      </c>
      <c r="L32" s="307"/>
      <c r="M32" s="305" t="s">
        <v>73</v>
      </c>
      <c r="N32" s="246">
        <f>IF(L31/$D31*100=0,"― ",L31/$D31*100)</f>
        <v>7.1811307526666326</v>
      </c>
      <c r="O32" s="303" t="s">
        <v>72</v>
      </c>
      <c r="P32" s="307"/>
      <c r="Q32" s="305" t="s">
        <v>142</v>
      </c>
      <c r="R32" s="246">
        <f>IF(P31/$D31*100=0,"― ",P31/$D31*100)</f>
        <v>0.94145926185587658</v>
      </c>
      <c r="S32" s="303" t="s">
        <v>72</v>
      </c>
      <c r="T32" s="308"/>
      <c r="U32" s="305" t="s">
        <v>73</v>
      </c>
      <c r="V32" s="246">
        <f>IF(T31/$D31*100=0,"― ",T31/$D31*100)</f>
        <v>44.288647403475387</v>
      </c>
      <c r="W32" s="309" t="s">
        <v>72</v>
      </c>
      <c r="X32" s="305" t="s">
        <v>73</v>
      </c>
      <c r="Y32" s="265">
        <f>IF(X31/$D31*100=0,"― ",X31/$D31*100)</f>
        <v>0.2003104812459312</v>
      </c>
      <c r="Z32" s="309" t="s">
        <v>72</v>
      </c>
    </row>
    <row r="33" spans="1:28" ht="19.95" customHeight="1">
      <c r="A33" s="98"/>
      <c r="B33" s="492" t="s">
        <v>36</v>
      </c>
      <c r="C33" s="493"/>
      <c r="D33" s="582">
        <f>D9+D11+D23+D31</f>
        <v>143244</v>
      </c>
      <c r="E33" s="582"/>
      <c r="F33" s="582"/>
      <c r="G33" s="310"/>
      <c r="H33" s="582">
        <f>H9+H11+H23+H31</f>
        <v>82166</v>
      </c>
      <c r="I33" s="571"/>
      <c r="J33" s="571"/>
      <c r="K33" s="311"/>
      <c r="L33" s="582">
        <f>L9+L11+L23+L31</f>
        <v>11507</v>
      </c>
      <c r="M33" s="571"/>
      <c r="N33" s="571"/>
      <c r="O33" s="310"/>
      <c r="P33" s="582">
        <f>P9+P11+P23+P31</f>
        <v>1251</v>
      </c>
      <c r="Q33" s="571"/>
      <c r="R33" s="571"/>
      <c r="S33" s="310"/>
      <c r="T33" s="570">
        <f>T9+T11+T23+T31</f>
        <v>48057</v>
      </c>
      <c r="U33" s="571"/>
      <c r="V33" s="571"/>
      <c r="W33" s="312"/>
      <c r="X33" s="582">
        <f>X9+X11+X23+X31</f>
        <v>263</v>
      </c>
      <c r="Y33" s="571"/>
      <c r="Z33" s="312"/>
      <c r="AA33" s="10"/>
      <c r="AB33" s="10"/>
    </row>
    <row r="34" spans="1:28" ht="19.95" customHeight="1" thickBot="1">
      <c r="A34" s="98"/>
      <c r="B34" s="494"/>
      <c r="C34" s="495"/>
      <c r="D34" s="313"/>
      <c r="E34" s="314" t="s">
        <v>73</v>
      </c>
      <c r="F34" s="243">
        <f>SUM(H34:Z34)</f>
        <v>100</v>
      </c>
      <c r="G34" s="315" t="s">
        <v>72</v>
      </c>
      <c r="H34" s="316"/>
      <c r="I34" s="317" t="s">
        <v>73</v>
      </c>
      <c r="J34" s="269">
        <f>IF(H33/$D33*100=0,"― ",H33/$D33*100)</f>
        <v>57.360866772779318</v>
      </c>
      <c r="K34" s="318" t="s">
        <v>72</v>
      </c>
      <c r="L34" s="319"/>
      <c r="M34" s="317" t="s">
        <v>73</v>
      </c>
      <c r="N34" s="269">
        <f>IF(L33/$D33*100=0,"― ",L33/$D33*100)</f>
        <v>8.0331462399821287</v>
      </c>
      <c r="O34" s="315" t="s">
        <v>72</v>
      </c>
      <c r="P34" s="319"/>
      <c r="Q34" s="317" t="s">
        <v>73</v>
      </c>
      <c r="R34" s="269">
        <f>IF(P33/$D33*100=0,"― ",P33/$D33*100)</f>
        <v>0.87333500879617998</v>
      </c>
      <c r="S34" s="315" t="s">
        <v>72</v>
      </c>
      <c r="T34" s="320"/>
      <c r="U34" s="317" t="s">
        <v>73</v>
      </c>
      <c r="V34" s="269">
        <f>IF(T33/$D33*100=0,"― ",T33/$D33*100)</f>
        <v>33.549049174834551</v>
      </c>
      <c r="W34" s="321" t="s">
        <v>72</v>
      </c>
      <c r="X34" s="317" t="s">
        <v>73</v>
      </c>
      <c r="Y34" s="265">
        <f>IF(X33/$D33*100=0,"― ",X33/$D33*100)</f>
        <v>0.18360280360782999</v>
      </c>
      <c r="Z34" s="321" t="s">
        <v>72</v>
      </c>
    </row>
    <row r="35" spans="1:28" ht="19.95" customHeight="1" thickTop="1">
      <c r="A35" s="98"/>
      <c r="B35" s="489" t="s">
        <v>35</v>
      </c>
      <c r="C35" s="490"/>
      <c r="D35" s="505">
        <v>4210122</v>
      </c>
      <c r="E35" s="505"/>
      <c r="F35" s="505"/>
      <c r="G35" s="322"/>
      <c r="H35" s="505">
        <v>2350377</v>
      </c>
      <c r="I35" s="581"/>
      <c r="J35" s="581"/>
      <c r="K35" s="323"/>
      <c r="L35" s="505">
        <v>165143</v>
      </c>
      <c r="M35" s="581"/>
      <c r="N35" s="581"/>
      <c r="O35" s="322"/>
      <c r="P35" s="505">
        <v>41928</v>
      </c>
      <c r="Q35" s="581"/>
      <c r="R35" s="581"/>
      <c r="S35" s="322"/>
      <c r="T35" s="580">
        <v>1650991</v>
      </c>
      <c r="U35" s="581"/>
      <c r="V35" s="581"/>
      <c r="W35" s="322"/>
      <c r="X35" s="505">
        <f>D35-(H35+L35+P35+T35)</f>
        <v>1683</v>
      </c>
      <c r="Y35" s="581"/>
      <c r="Z35" s="324"/>
    </row>
    <row r="36" spans="1:28" ht="19.95" customHeight="1">
      <c r="A36" s="98"/>
      <c r="B36" s="428"/>
      <c r="C36" s="491"/>
      <c r="D36" s="241"/>
      <c r="E36" s="242" t="s">
        <v>73</v>
      </c>
      <c r="F36" s="325">
        <f>SUM(H36:Z36)</f>
        <v>100</v>
      </c>
      <c r="G36" s="326" t="s">
        <v>72</v>
      </c>
      <c r="H36" s="327"/>
      <c r="I36" s="328" t="s">
        <v>73</v>
      </c>
      <c r="J36" s="246">
        <f>IF(H35/$D35*100=0,"― ",H35/$D35*100)</f>
        <v>55.826814519864264</v>
      </c>
      <c r="K36" s="329" t="s">
        <v>72</v>
      </c>
      <c r="L36" s="330"/>
      <c r="M36" s="328" t="s">
        <v>73</v>
      </c>
      <c r="N36" s="246">
        <f>IF(L35/$D35*100=0,"― ",L35/$D35*100)</f>
        <v>3.9225229102624581</v>
      </c>
      <c r="O36" s="326" t="s">
        <v>141</v>
      </c>
      <c r="P36" s="330"/>
      <c r="Q36" s="328" t="s">
        <v>73</v>
      </c>
      <c r="R36" s="246">
        <f>IF(P35/$D35*100=0,"― ",P35/$D35*100)</f>
        <v>0.99588562991761287</v>
      </c>
      <c r="S36" s="326" t="s">
        <v>72</v>
      </c>
      <c r="T36" s="331"/>
      <c r="U36" s="328" t="s">
        <v>73</v>
      </c>
      <c r="V36" s="246">
        <f>IF(T35/$D35*100=0,"― ",T35/$D35*100)</f>
        <v>39.214801851347772</v>
      </c>
      <c r="W36" s="244" t="s">
        <v>72</v>
      </c>
      <c r="X36" s="328" t="s">
        <v>73</v>
      </c>
      <c r="Y36" s="253">
        <f>IF(X35/$D35*100=0,"― ",X35/$D35*100)</f>
        <v>3.9975088607883576E-2</v>
      </c>
      <c r="Z36" s="244" t="s">
        <v>72</v>
      </c>
    </row>
    <row r="37" spans="1:28" ht="15.6" customHeight="1">
      <c r="A37" s="98"/>
      <c r="B37" s="332"/>
      <c r="C37" s="332"/>
      <c r="D37" s="332"/>
      <c r="E37" s="332"/>
      <c r="F37" s="333"/>
      <c r="G37" s="332"/>
      <c r="H37" s="332"/>
      <c r="I37" s="332"/>
      <c r="J37" s="332"/>
      <c r="K37" s="332"/>
      <c r="L37" s="332"/>
      <c r="M37" s="332"/>
      <c r="N37" s="98"/>
      <c r="O37" s="334"/>
      <c r="P37" s="334"/>
      <c r="Q37" s="334"/>
      <c r="R37" s="334"/>
      <c r="S37" s="334"/>
      <c r="T37" s="334"/>
      <c r="U37" s="98"/>
      <c r="V37" s="334"/>
      <c r="W37" s="160"/>
      <c r="X37" s="287"/>
      <c r="Y37" s="98"/>
      <c r="Z37" s="235" t="s">
        <v>143</v>
      </c>
      <c r="AA37" s="4"/>
      <c r="AB37" s="4"/>
    </row>
    <row r="38" spans="1:28" ht="24" customHeight="1"/>
    <row r="39" spans="1:28" ht="24" customHeight="1">
      <c r="B39" s="28"/>
    </row>
    <row r="40" spans="1:28" ht="24" customHeight="1"/>
    <row r="89" spans="3:10" ht="13.2" customHeight="1">
      <c r="C89" s="579" t="s">
        <v>152</v>
      </c>
      <c r="D89" s="579"/>
      <c r="E89" s="579"/>
      <c r="F89" s="579"/>
      <c r="G89" s="579"/>
      <c r="H89" s="579"/>
      <c r="J89" s="37" t="s">
        <v>147</v>
      </c>
    </row>
    <row r="90" spans="3:10" ht="12" customHeight="1">
      <c r="C90" s="435" t="s">
        <v>52</v>
      </c>
      <c r="D90" s="435"/>
      <c r="E90" s="435"/>
      <c r="F90" s="435"/>
      <c r="G90" s="435"/>
      <c r="H90" s="435"/>
      <c r="J90" s="3" t="s">
        <v>149</v>
      </c>
    </row>
    <row r="91" spans="3:10">
      <c r="C91" s="3" t="s">
        <v>151</v>
      </c>
    </row>
  </sheetData>
  <mergeCells count="122">
    <mergeCell ref="C89:H89"/>
    <mergeCell ref="C90:H90"/>
    <mergeCell ref="T35:V35"/>
    <mergeCell ref="X35:Y35"/>
    <mergeCell ref="X33:Y33"/>
    <mergeCell ref="X31:Y31"/>
    <mergeCell ref="X29:Y29"/>
    <mergeCell ref="X27:Y27"/>
    <mergeCell ref="T27:V27"/>
    <mergeCell ref="T29:V29"/>
    <mergeCell ref="T31:V31"/>
    <mergeCell ref="P27:R27"/>
    <mergeCell ref="H31:J31"/>
    <mergeCell ref="H35:J35"/>
    <mergeCell ref="H27:J27"/>
    <mergeCell ref="D33:F33"/>
    <mergeCell ref="L35:N35"/>
    <mergeCell ref="P33:R33"/>
    <mergeCell ref="P35:R35"/>
    <mergeCell ref="L33:N33"/>
    <mergeCell ref="H33:J33"/>
    <mergeCell ref="X4:Z6"/>
    <mergeCell ref="X7:Z7"/>
    <mergeCell ref="X8:Z8"/>
    <mergeCell ref="T17:V17"/>
    <mergeCell ref="T33:V33"/>
    <mergeCell ref="X9:Y9"/>
    <mergeCell ref="X17:Y17"/>
    <mergeCell ref="T19:V19"/>
    <mergeCell ref="T21:V21"/>
    <mergeCell ref="X15:Y15"/>
    <mergeCell ref="X13:Y13"/>
    <mergeCell ref="X11:Y11"/>
    <mergeCell ref="T23:V23"/>
    <mergeCell ref="T25:V25"/>
    <mergeCell ref="X25:Y25"/>
    <mergeCell ref="X23:Y23"/>
    <mergeCell ref="X21:Y21"/>
    <mergeCell ref="X19:Y19"/>
    <mergeCell ref="T9:V9"/>
    <mergeCell ref="T11:V11"/>
    <mergeCell ref="T13:V13"/>
    <mergeCell ref="T15:V15"/>
    <mergeCell ref="T7:W7"/>
    <mergeCell ref="P13:R13"/>
    <mergeCell ref="P15:R15"/>
    <mergeCell ref="P17:R17"/>
    <mergeCell ref="P8:S8"/>
    <mergeCell ref="T8:W8"/>
    <mergeCell ref="L5:O6"/>
    <mergeCell ref="P4:S6"/>
    <mergeCell ref="H4:O4"/>
    <mergeCell ref="L8:O8"/>
    <mergeCell ref="H9:J9"/>
    <mergeCell ref="H11:J11"/>
    <mergeCell ref="H13:J13"/>
    <mergeCell ref="L13:N13"/>
    <mergeCell ref="P9:R9"/>
    <mergeCell ref="P11:R11"/>
    <mergeCell ref="L9:N9"/>
    <mergeCell ref="L11:N11"/>
    <mergeCell ref="L17:N17"/>
    <mergeCell ref="T4:W6"/>
    <mergeCell ref="H8:K8"/>
    <mergeCell ref="L15:N15"/>
    <mergeCell ref="P7:S7"/>
    <mergeCell ref="L7:O7"/>
    <mergeCell ref="L19:N19"/>
    <mergeCell ref="L21:N21"/>
    <mergeCell ref="L29:N29"/>
    <mergeCell ref="L23:N23"/>
    <mergeCell ref="L25:N25"/>
    <mergeCell ref="L31:N31"/>
    <mergeCell ref="P19:R19"/>
    <mergeCell ref="P25:R25"/>
    <mergeCell ref="P23:R23"/>
    <mergeCell ref="P21:R21"/>
    <mergeCell ref="P29:R29"/>
    <mergeCell ref="P31:R31"/>
    <mergeCell ref="L27:N27"/>
    <mergeCell ref="D25:F25"/>
    <mergeCell ref="H29:J29"/>
    <mergeCell ref="H21:J21"/>
    <mergeCell ref="D29:F29"/>
    <mergeCell ref="H23:J23"/>
    <mergeCell ref="H25:J25"/>
    <mergeCell ref="D4:G6"/>
    <mergeCell ref="D11:F11"/>
    <mergeCell ref="D13:F13"/>
    <mergeCell ref="D15:F15"/>
    <mergeCell ref="D17:F17"/>
    <mergeCell ref="D8:G8"/>
    <mergeCell ref="H15:J15"/>
    <mergeCell ref="D23:F23"/>
    <mergeCell ref="D21:F21"/>
    <mergeCell ref="H17:J17"/>
    <mergeCell ref="H7:K7"/>
    <mergeCell ref="D7:G7"/>
    <mergeCell ref="AC2:AH2"/>
    <mergeCell ref="N1:Z2"/>
    <mergeCell ref="B4:C8"/>
    <mergeCell ref="D19:F19"/>
    <mergeCell ref="B35:C36"/>
    <mergeCell ref="B33:C34"/>
    <mergeCell ref="B13:C14"/>
    <mergeCell ref="B15:C16"/>
    <mergeCell ref="B17:C18"/>
    <mergeCell ref="B9:C10"/>
    <mergeCell ref="B21:C22"/>
    <mergeCell ref="B11:C12"/>
    <mergeCell ref="B23:C24"/>
    <mergeCell ref="B29:C30"/>
    <mergeCell ref="B31:C32"/>
    <mergeCell ref="D27:F27"/>
    <mergeCell ref="B25:C26"/>
    <mergeCell ref="B27:C28"/>
    <mergeCell ref="B19:C20"/>
    <mergeCell ref="D35:F35"/>
    <mergeCell ref="H19:J19"/>
    <mergeCell ref="H5:K6"/>
    <mergeCell ref="D31:F31"/>
    <mergeCell ref="D9:F9"/>
  </mergeCells>
  <phoneticPr fontId="5"/>
  <pageMargins left="0.74803149606299213" right="0.78740157480314965" top="0.59055118110236227" bottom="0.59055118110236227" header="0.51181102362204722" footer="0.19685039370078741"/>
  <pageSetup paperSize="9" firstPageNumber="17" fitToHeight="0" orientation="portrait" blackAndWhite="1" useFirstPageNumber="1" r:id="rId1"/>
  <headerFooter scaleWithDoc="0" alignWithMargins="0">
    <oddFooter>&amp;C&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125"/>
  <sheetViews>
    <sheetView tabSelected="1" view="pageBreakPreview" topLeftCell="A7" zoomScaleNormal="100" zoomScaleSheetLayoutView="100" workbookViewId="0">
      <selection activeCell="G14" sqref="G14"/>
    </sheetView>
  </sheetViews>
  <sheetFormatPr defaultColWidth="8.109375" defaultRowHeight="13.2"/>
  <cols>
    <col min="1" max="1" width="2.21875" style="14" customWidth="1"/>
    <col min="2" max="2" width="13.33203125" style="14" customWidth="1"/>
    <col min="3" max="5" width="9.109375" style="14" customWidth="1"/>
    <col min="6" max="6" width="7.6640625" style="14" customWidth="1"/>
    <col min="7" max="7" width="13.33203125" style="14" customWidth="1"/>
    <col min="8" max="8" width="13.88671875" style="19" customWidth="1"/>
    <col min="9" max="9" width="2.77734375" style="14" customWidth="1"/>
    <col min="10" max="24" width="8.109375" style="14"/>
    <col min="25" max="16384" width="8.109375" style="5"/>
  </cols>
  <sheetData>
    <row r="1" spans="1:10" ht="13.5" customHeight="1">
      <c r="A1" s="99"/>
      <c r="B1" s="99"/>
      <c r="C1" s="99"/>
      <c r="D1" s="99"/>
      <c r="E1" s="99"/>
      <c r="F1" s="99"/>
      <c r="G1" s="99"/>
      <c r="H1" s="102"/>
      <c r="I1" s="99"/>
    </row>
    <row r="2" spans="1:10" ht="24" customHeight="1">
      <c r="A2" s="100" t="s">
        <v>104</v>
      </c>
      <c r="B2" s="99"/>
      <c r="C2" s="100"/>
      <c r="D2" s="99"/>
      <c r="E2" s="99"/>
      <c r="F2" s="99"/>
      <c r="G2" s="99"/>
      <c r="H2" s="335"/>
      <c r="I2" s="99"/>
    </row>
    <row r="3" spans="1:10" ht="15" customHeight="1">
      <c r="A3" s="100"/>
      <c r="B3" s="99"/>
      <c r="C3" s="100"/>
      <c r="D3" s="99"/>
      <c r="E3" s="99"/>
      <c r="F3" s="99"/>
      <c r="G3" s="99"/>
      <c r="H3" s="335" t="s">
        <v>162</v>
      </c>
      <c r="I3" s="99"/>
    </row>
    <row r="4" spans="1:10" ht="15" customHeight="1">
      <c r="A4" s="99"/>
      <c r="B4" s="234" t="s">
        <v>103</v>
      </c>
      <c r="C4" s="99"/>
      <c r="D4" s="99"/>
      <c r="E4" s="99"/>
      <c r="F4" s="99"/>
      <c r="G4" s="234" t="s">
        <v>102</v>
      </c>
      <c r="H4" s="99"/>
      <c r="I4" s="99"/>
    </row>
    <row r="5" spans="1:10" ht="24" customHeight="1">
      <c r="A5" s="99"/>
      <c r="B5" s="336" t="s">
        <v>101</v>
      </c>
      <c r="C5" s="337" t="s">
        <v>100</v>
      </c>
      <c r="D5" s="337" t="s">
        <v>99</v>
      </c>
      <c r="E5" s="338" t="s">
        <v>98</v>
      </c>
      <c r="F5" s="99"/>
      <c r="G5" s="336" t="s">
        <v>97</v>
      </c>
      <c r="H5" s="336" t="s">
        <v>96</v>
      </c>
      <c r="I5" s="99"/>
    </row>
    <row r="6" spans="1:10" ht="24" customHeight="1">
      <c r="A6" s="99"/>
      <c r="B6" s="339" t="s">
        <v>0</v>
      </c>
      <c r="C6" s="340">
        <v>49.4</v>
      </c>
      <c r="D6" s="341">
        <v>47.85</v>
      </c>
      <c r="E6" s="342">
        <v>50.85</v>
      </c>
      <c r="F6" s="99"/>
      <c r="G6" s="339" t="s">
        <v>95</v>
      </c>
      <c r="H6" s="343">
        <v>46.69</v>
      </c>
      <c r="I6" s="99"/>
      <c r="J6" s="23"/>
    </row>
    <row r="7" spans="1:10" ht="24" customHeight="1">
      <c r="A7" s="99"/>
      <c r="B7" s="344" t="s">
        <v>4</v>
      </c>
      <c r="C7" s="345">
        <v>50.72</v>
      </c>
      <c r="D7" s="346">
        <v>49.24</v>
      </c>
      <c r="E7" s="347">
        <v>52.14</v>
      </c>
      <c r="F7" s="99"/>
      <c r="G7" s="344" t="s">
        <v>94</v>
      </c>
      <c r="H7" s="348">
        <v>44</v>
      </c>
      <c r="I7" s="99"/>
      <c r="J7" s="23"/>
    </row>
    <row r="8" spans="1:10" ht="24" customHeight="1">
      <c r="A8" s="99"/>
      <c r="B8" s="344" t="s">
        <v>7</v>
      </c>
      <c r="C8" s="345">
        <v>52.41</v>
      </c>
      <c r="D8" s="346">
        <v>50.77</v>
      </c>
      <c r="E8" s="347">
        <v>54.02</v>
      </c>
      <c r="F8" s="99"/>
      <c r="G8" s="349" t="s">
        <v>93</v>
      </c>
      <c r="H8" s="348">
        <v>50.39</v>
      </c>
      <c r="I8" s="99"/>
      <c r="J8" s="23"/>
    </row>
    <row r="9" spans="1:10" ht="24" customHeight="1">
      <c r="A9" s="99"/>
      <c r="B9" s="344" t="s">
        <v>8</v>
      </c>
      <c r="C9" s="345">
        <v>48.13</v>
      </c>
      <c r="D9" s="346">
        <v>46.91</v>
      </c>
      <c r="E9" s="347">
        <v>49.31</v>
      </c>
      <c r="F9" s="99"/>
      <c r="G9" s="349" t="s">
        <v>92</v>
      </c>
      <c r="H9" s="348">
        <v>46.85</v>
      </c>
      <c r="I9" s="99"/>
      <c r="J9" s="23"/>
    </row>
    <row r="10" spans="1:10" ht="24" customHeight="1">
      <c r="A10" s="99"/>
      <c r="B10" s="344" t="s">
        <v>9</v>
      </c>
      <c r="C10" s="345">
        <v>51.62</v>
      </c>
      <c r="D10" s="346">
        <v>49.67</v>
      </c>
      <c r="E10" s="347">
        <v>53.54</v>
      </c>
      <c r="F10" s="99"/>
      <c r="G10" s="349" t="s">
        <v>91</v>
      </c>
      <c r="H10" s="348">
        <v>47.46</v>
      </c>
      <c r="I10" s="99"/>
      <c r="J10" s="23"/>
    </row>
    <row r="11" spans="1:10" ht="24" customHeight="1">
      <c r="A11" s="99"/>
      <c r="B11" s="344" t="s">
        <v>10</v>
      </c>
      <c r="C11" s="345">
        <v>54.44</v>
      </c>
      <c r="D11" s="346">
        <v>52.55</v>
      </c>
      <c r="E11" s="347">
        <v>56.3</v>
      </c>
      <c r="F11" s="99"/>
      <c r="G11" s="350" t="s">
        <v>90</v>
      </c>
      <c r="H11" s="351">
        <v>50.36</v>
      </c>
      <c r="I11" s="99"/>
      <c r="J11" s="23"/>
    </row>
    <row r="12" spans="1:10" ht="24" customHeight="1">
      <c r="A12" s="99"/>
      <c r="B12" s="344" t="s">
        <v>11</v>
      </c>
      <c r="C12" s="345">
        <v>46.06</v>
      </c>
      <c r="D12" s="346">
        <v>44.68</v>
      </c>
      <c r="E12" s="347">
        <v>47.36</v>
      </c>
      <c r="F12" s="99"/>
      <c r="G12" s="99"/>
      <c r="H12" s="102"/>
      <c r="I12" s="99"/>
      <c r="J12" s="23"/>
    </row>
    <row r="13" spans="1:10" ht="24" customHeight="1">
      <c r="A13" s="99"/>
      <c r="B13" s="349" t="s">
        <v>12</v>
      </c>
      <c r="C13" s="352">
        <v>52.98</v>
      </c>
      <c r="D13" s="353">
        <v>51.34</v>
      </c>
      <c r="E13" s="354">
        <v>54.47</v>
      </c>
      <c r="F13" s="99"/>
      <c r="G13" s="99"/>
      <c r="H13" s="99"/>
      <c r="I13" s="99"/>
      <c r="J13" s="23"/>
    </row>
    <row r="14" spans="1:10" ht="24" customHeight="1">
      <c r="A14" s="99"/>
      <c r="B14" s="349" t="s">
        <v>38</v>
      </c>
      <c r="C14" s="352">
        <v>57.28</v>
      </c>
      <c r="D14" s="353">
        <v>55.48</v>
      </c>
      <c r="E14" s="354">
        <v>58.82</v>
      </c>
      <c r="F14" s="99"/>
      <c r="G14" s="99"/>
      <c r="H14" s="99"/>
      <c r="I14" s="99"/>
      <c r="J14" s="23"/>
    </row>
    <row r="15" spans="1:10" ht="24" customHeight="1" thickBot="1">
      <c r="A15" s="99"/>
      <c r="B15" s="355" t="s">
        <v>1</v>
      </c>
      <c r="C15" s="356">
        <v>56.33</v>
      </c>
      <c r="D15" s="357">
        <v>53.88</v>
      </c>
      <c r="E15" s="358">
        <v>58.46</v>
      </c>
      <c r="F15" s="99"/>
      <c r="G15" s="99"/>
      <c r="H15" s="99"/>
      <c r="I15" s="99"/>
      <c r="J15" s="23"/>
    </row>
    <row r="16" spans="1:10" ht="24" customHeight="1" thickTop="1">
      <c r="A16" s="99"/>
      <c r="B16" s="359" t="s">
        <v>89</v>
      </c>
      <c r="C16" s="360">
        <v>46.8</v>
      </c>
      <c r="D16" s="361">
        <v>45.5</v>
      </c>
      <c r="E16" s="362">
        <v>48.07</v>
      </c>
      <c r="F16" s="99"/>
      <c r="G16" s="99"/>
      <c r="H16" s="99"/>
      <c r="I16" s="363" t="s">
        <v>88</v>
      </c>
      <c r="J16" s="15"/>
    </row>
    <row r="17" spans="1:10" ht="13.2" customHeight="1">
      <c r="A17" s="99"/>
      <c r="B17" s="99"/>
      <c r="C17" s="99"/>
      <c r="D17" s="99"/>
      <c r="E17" s="335"/>
      <c r="F17" s="99"/>
      <c r="G17" s="99"/>
      <c r="H17" s="102"/>
      <c r="I17" s="99"/>
    </row>
    <row r="18" spans="1:10" ht="13.2" customHeight="1">
      <c r="A18" s="99"/>
      <c r="B18" s="99"/>
      <c r="C18" s="234"/>
      <c r="D18" s="99"/>
      <c r="E18" s="99"/>
      <c r="F18" s="99"/>
      <c r="G18" s="99"/>
      <c r="H18" s="99"/>
      <c r="I18" s="99"/>
    </row>
    <row r="19" spans="1:10" ht="13.2" customHeight="1">
      <c r="A19" s="412"/>
      <c r="B19" s="412"/>
      <c r="C19" s="412"/>
      <c r="D19" s="412"/>
      <c r="E19" s="412"/>
      <c r="F19" s="412"/>
      <c r="G19" s="412"/>
      <c r="H19" s="412"/>
      <c r="I19" s="411"/>
      <c r="J19" s="411"/>
    </row>
    <row r="20" spans="1:10" ht="13.2" customHeight="1">
      <c r="A20" s="412"/>
      <c r="B20" s="412"/>
      <c r="C20" s="412"/>
      <c r="D20" s="412"/>
      <c r="E20" s="412"/>
      <c r="F20" s="412"/>
      <c r="G20" s="412"/>
      <c r="H20" s="412"/>
      <c r="I20" s="411"/>
      <c r="J20" s="411"/>
    </row>
    <row r="21" spans="1:10" ht="13.2" customHeight="1">
      <c r="H21" s="14"/>
    </row>
    <row r="22" spans="1:10" ht="13.2" customHeight="1">
      <c r="H22" s="14"/>
    </row>
    <row r="23" spans="1:10" ht="13.2" customHeight="1">
      <c r="H23" s="14"/>
    </row>
    <row r="24" spans="1:10" ht="13.2" customHeight="1"/>
    <row r="25" spans="1:10" ht="13.2" customHeight="1"/>
    <row r="26" spans="1:10" ht="13.2" customHeight="1"/>
    <row r="27" spans="1:10" ht="13.2" customHeight="1"/>
    <row r="28" spans="1:10" ht="13.2" customHeight="1"/>
    <row r="29" spans="1:10" ht="13.2" customHeight="1"/>
    <row r="30" spans="1:10" ht="13.2" customHeight="1"/>
    <row r="31" spans="1:10" ht="13.2" customHeight="1"/>
    <row r="32" spans="1:10" ht="13.2" customHeight="1"/>
    <row r="33" ht="13.2" customHeight="1"/>
    <row r="34" ht="13.2" customHeight="1"/>
    <row r="35" ht="13.2" customHeight="1"/>
    <row r="36" ht="13.2" customHeight="1"/>
    <row r="37" ht="13.2" customHeight="1"/>
    <row r="38" ht="13.2" customHeight="1"/>
    <row r="39" ht="13.2" customHeight="1"/>
    <row r="40" ht="13.2" customHeight="1"/>
    <row r="41" ht="13.2" customHeight="1"/>
    <row r="42" ht="13.2" customHeight="1"/>
    <row r="43" ht="13.2" customHeight="1"/>
    <row r="44" ht="13.2" customHeight="1"/>
    <row r="45" ht="13.2" customHeight="1"/>
    <row r="46" ht="13.2" customHeight="1"/>
    <row r="47" ht="13.2" customHeight="1"/>
    <row r="48" ht="13.2" customHeight="1"/>
    <row r="49" ht="13.2" customHeight="1"/>
    <row r="50" ht="13.2" customHeight="1"/>
    <row r="51" ht="13.2" customHeight="1"/>
    <row r="52" ht="13.2" customHeight="1"/>
    <row r="53" ht="13.2" customHeight="1"/>
    <row r="54" ht="13.2" customHeight="1"/>
    <row r="55" ht="13.2" customHeight="1"/>
    <row r="56" ht="13.2" customHeight="1"/>
    <row r="57" ht="13.2" customHeight="1"/>
    <row r="58" ht="13.2" customHeight="1"/>
    <row r="59" ht="13.2" customHeight="1"/>
    <row r="60" ht="13.2" customHeight="1"/>
    <row r="61" ht="13.2" customHeight="1"/>
    <row r="62" ht="13.2" customHeight="1"/>
    <row r="63" ht="13.2" customHeight="1"/>
    <row r="64" ht="13.2" customHeight="1"/>
    <row r="65" ht="13.2" customHeight="1"/>
    <row r="66" ht="13.2" customHeight="1"/>
    <row r="67" ht="13.2" customHeight="1"/>
    <row r="68" ht="13.2" customHeight="1"/>
    <row r="69" ht="13.2" customHeight="1"/>
    <row r="70" ht="13.2" customHeight="1"/>
    <row r="71" ht="13.2" customHeight="1"/>
    <row r="72" ht="13.2" customHeight="1"/>
    <row r="73" ht="13.2" customHeight="1"/>
    <row r="74" ht="13.2" customHeight="1"/>
    <row r="75" ht="13.2" customHeight="1"/>
    <row r="76" ht="13.2" customHeight="1"/>
    <row r="77" ht="13.2" customHeight="1"/>
    <row r="78" ht="13.2" customHeight="1"/>
    <row r="79" ht="13.2" customHeight="1"/>
    <row r="80" ht="13.2" customHeight="1"/>
    <row r="81" spans="3:10" ht="13.2" customHeight="1"/>
    <row r="82" spans="3:10" ht="13.2" customHeight="1"/>
    <row r="83" spans="3:10" ht="13.2" customHeight="1"/>
    <row r="84" spans="3:10" ht="13.2" customHeight="1"/>
    <row r="85" spans="3:10" ht="13.2" customHeight="1"/>
    <row r="86" spans="3:10" ht="13.2" customHeight="1"/>
    <row r="87" spans="3:10" ht="13.2" customHeight="1"/>
    <row r="88" spans="3:10" ht="13.2" customHeight="1"/>
    <row r="89" spans="3:10" ht="13.2" customHeight="1">
      <c r="C89" s="583" t="s">
        <v>152</v>
      </c>
      <c r="D89" s="583"/>
      <c r="E89" s="583"/>
      <c r="F89" s="583"/>
      <c r="G89" s="583"/>
      <c r="H89" s="583"/>
      <c r="J89" s="14" t="s">
        <v>147</v>
      </c>
    </row>
    <row r="90" spans="3:10" ht="12" customHeight="1">
      <c r="C90" s="583" t="s">
        <v>52</v>
      </c>
      <c r="D90" s="583"/>
      <c r="E90" s="583"/>
      <c r="F90" s="583"/>
      <c r="G90" s="583"/>
      <c r="H90" s="583"/>
      <c r="J90" s="14" t="s">
        <v>149</v>
      </c>
    </row>
    <row r="91" spans="3:10" ht="13.2" customHeight="1">
      <c r="C91" s="14" t="s">
        <v>151</v>
      </c>
    </row>
    <row r="92" spans="3:10" ht="13.2" customHeight="1"/>
    <row r="93" spans="3:10" ht="13.2" customHeight="1"/>
    <row r="94" spans="3:10" ht="13.2" customHeight="1"/>
    <row r="95" spans="3:10" ht="13.2" customHeight="1"/>
    <row r="96" spans="3:10" ht="13.2" customHeight="1"/>
    <row r="97" ht="13.2" customHeight="1"/>
    <row r="98" ht="13.2" customHeight="1"/>
    <row r="99" ht="13.2" customHeight="1"/>
    <row r="100" ht="13.2" customHeight="1"/>
    <row r="101" ht="13.2" customHeight="1"/>
    <row r="102" ht="13.2" customHeight="1"/>
    <row r="103" ht="13.2" customHeight="1"/>
    <row r="104" ht="13.2" customHeight="1"/>
    <row r="105" ht="13.2" customHeight="1"/>
    <row r="106" ht="13.2" customHeight="1"/>
    <row r="107" ht="13.2" customHeight="1"/>
    <row r="108" ht="13.2" customHeight="1"/>
    <row r="109" ht="13.2" customHeight="1"/>
    <row r="110" ht="13.2" customHeight="1"/>
    <row r="111" ht="13.2" customHeight="1"/>
    <row r="112" ht="13.2" customHeight="1"/>
    <row r="113" ht="13.2" customHeight="1"/>
    <row r="114" ht="13.2" customHeight="1"/>
    <row r="115" ht="13.2" customHeight="1"/>
    <row r="116" ht="13.2" customHeight="1"/>
    <row r="117" ht="13.2" customHeight="1"/>
    <row r="118" ht="13.2" customHeight="1"/>
    <row r="119" ht="13.2" customHeight="1"/>
    <row r="120" ht="13.2" customHeight="1"/>
    <row r="121" ht="13.2" customHeight="1"/>
    <row r="122" ht="13.2" customHeight="1"/>
    <row r="123" ht="13.2" customHeight="1"/>
    <row r="124" ht="13.2" customHeight="1"/>
    <row r="125" ht="13.2" customHeight="1"/>
  </sheetData>
  <mergeCells count="2">
    <mergeCell ref="C89:H89"/>
    <mergeCell ref="C90:H90"/>
  </mergeCells>
  <phoneticPr fontId="5"/>
  <pageMargins left="0.74803149606299213" right="0.78740157480314965" top="0.59055118110236227" bottom="0.59055118110236227" header="0.51181102362204722" footer="0.19685039370078741"/>
  <pageSetup paperSize="9" firstPageNumber="18" fitToHeight="0" orientation="portrait" blackAndWhite="1" useFirstPageNumber="1" r:id="rId1"/>
  <headerFooter scaleWithDoc="0" alignWithMargins="0">
    <oddFooter xml:space="preserve">&amp;C&amp;P </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X91"/>
  <sheetViews>
    <sheetView view="pageBreakPreview" zoomScale="90" zoomScaleNormal="100" zoomScaleSheetLayoutView="90" workbookViewId="0">
      <selection activeCell="F5" sqref="F5"/>
    </sheetView>
  </sheetViews>
  <sheetFormatPr defaultColWidth="8.109375" defaultRowHeight="13.2"/>
  <cols>
    <col min="1" max="1" width="2.21875" style="19" customWidth="1"/>
    <col min="2" max="2" width="7.44140625" style="19" customWidth="1"/>
    <col min="3" max="3" width="7.33203125" style="19" customWidth="1"/>
    <col min="4" max="16" width="6" style="19" customWidth="1"/>
    <col min="17" max="17" width="6.6640625" style="19" customWidth="1"/>
    <col min="18" max="24" width="8.109375" style="19"/>
    <col min="25" max="16384" width="8.109375" style="9"/>
  </cols>
  <sheetData>
    <row r="1" spans="1:17" ht="24" customHeight="1">
      <c r="A1" s="102"/>
      <c r="B1" s="102"/>
      <c r="C1" s="102"/>
      <c r="D1" s="102"/>
      <c r="E1" s="102"/>
      <c r="F1" s="102"/>
      <c r="G1" s="102"/>
      <c r="H1" s="102"/>
      <c r="I1" s="102"/>
      <c r="J1" s="102"/>
      <c r="K1" s="102"/>
      <c r="L1" s="102"/>
      <c r="M1" s="102"/>
      <c r="N1" s="102"/>
      <c r="O1" s="102"/>
      <c r="P1" s="102"/>
      <c r="Q1" s="102"/>
    </row>
    <row r="2" spans="1:17" ht="18.600000000000001" customHeight="1">
      <c r="A2" s="364" t="s">
        <v>133</v>
      </c>
      <c r="B2" s="102"/>
      <c r="C2" s="102"/>
      <c r="D2" s="102"/>
      <c r="E2" s="102"/>
      <c r="F2" s="102"/>
      <c r="G2" s="102"/>
      <c r="H2" s="102"/>
      <c r="I2" s="102"/>
      <c r="J2" s="102"/>
      <c r="K2" s="102"/>
      <c r="L2" s="102"/>
      <c r="M2" s="102"/>
      <c r="N2" s="102"/>
      <c r="O2" s="102"/>
      <c r="P2" s="102"/>
      <c r="Q2" s="363"/>
    </row>
    <row r="3" spans="1:17" ht="15.75" customHeight="1">
      <c r="A3" s="365"/>
      <c r="B3" s="102"/>
      <c r="C3" s="102"/>
      <c r="D3" s="102"/>
      <c r="E3" s="102"/>
      <c r="F3" s="102"/>
      <c r="G3" s="102"/>
      <c r="H3" s="102"/>
      <c r="I3" s="102"/>
      <c r="J3" s="102"/>
      <c r="K3" s="102"/>
      <c r="L3" s="102"/>
      <c r="M3" s="102"/>
      <c r="N3" s="102"/>
      <c r="O3" s="102"/>
      <c r="P3" s="102"/>
      <c r="Q3" s="363"/>
    </row>
    <row r="4" spans="1:17" ht="15" customHeight="1">
      <c r="A4" s="102"/>
      <c r="B4" s="98"/>
      <c r="C4" s="102"/>
      <c r="D4" s="102"/>
      <c r="E4" s="102"/>
      <c r="F4" s="102"/>
      <c r="G4" s="102"/>
      <c r="H4" s="363"/>
      <c r="I4" s="102"/>
      <c r="J4" s="102"/>
      <c r="K4" s="363"/>
      <c r="L4" s="363"/>
      <c r="M4" s="102"/>
      <c r="N4" s="102"/>
      <c r="O4" s="102"/>
      <c r="P4" s="102"/>
      <c r="Q4" s="366" t="s">
        <v>163</v>
      </c>
    </row>
    <row r="5" spans="1:17" ht="33" customHeight="1">
      <c r="A5" s="102"/>
      <c r="B5" s="367"/>
      <c r="C5" s="368" t="s">
        <v>132</v>
      </c>
      <c r="D5" s="369" t="s">
        <v>131</v>
      </c>
      <c r="E5" s="370" t="s">
        <v>130</v>
      </c>
      <c r="F5" s="370" t="s">
        <v>129</v>
      </c>
      <c r="G5" s="370" t="s">
        <v>128</v>
      </c>
      <c r="H5" s="369" t="s">
        <v>127</v>
      </c>
      <c r="I5" s="370" t="s">
        <v>126</v>
      </c>
      <c r="J5" s="370" t="s">
        <v>125</v>
      </c>
      <c r="K5" s="370" t="s">
        <v>124</v>
      </c>
      <c r="L5" s="371" t="s">
        <v>123</v>
      </c>
      <c r="M5" s="370" t="s">
        <v>122</v>
      </c>
      <c r="N5" s="370" t="s">
        <v>121</v>
      </c>
      <c r="O5" s="370" t="s">
        <v>120</v>
      </c>
      <c r="P5" s="370" t="s">
        <v>119</v>
      </c>
      <c r="Q5" s="372" t="s">
        <v>154</v>
      </c>
    </row>
    <row r="6" spans="1:17" ht="30" customHeight="1">
      <c r="A6" s="102"/>
      <c r="B6" s="373" t="s">
        <v>118</v>
      </c>
      <c r="C6" s="374">
        <v>2808</v>
      </c>
      <c r="D6" s="375">
        <v>387</v>
      </c>
      <c r="E6" s="376">
        <v>299</v>
      </c>
      <c r="F6" s="376">
        <v>499</v>
      </c>
      <c r="G6" s="376">
        <v>594</v>
      </c>
      <c r="H6" s="376">
        <v>114</v>
      </c>
      <c r="I6" s="376">
        <v>204</v>
      </c>
      <c r="J6" s="376">
        <v>20</v>
      </c>
      <c r="K6" s="376">
        <v>55</v>
      </c>
      <c r="L6" s="376">
        <v>43</v>
      </c>
      <c r="M6" s="376">
        <v>31</v>
      </c>
      <c r="N6" s="377">
        <v>56</v>
      </c>
      <c r="O6" s="376">
        <v>171</v>
      </c>
      <c r="P6" s="377">
        <v>43</v>
      </c>
      <c r="Q6" s="377">
        <v>292</v>
      </c>
    </row>
    <row r="7" spans="1:17" ht="30" customHeight="1">
      <c r="A7" s="102"/>
      <c r="B7" s="378" t="s">
        <v>117</v>
      </c>
      <c r="C7" s="374">
        <v>583</v>
      </c>
      <c r="D7" s="375">
        <v>175</v>
      </c>
      <c r="E7" s="376">
        <v>35</v>
      </c>
      <c r="F7" s="376">
        <v>77</v>
      </c>
      <c r="G7" s="376">
        <v>62</v>
      </c>
      <c r="H7" s="376">
        <v>85</v>
      </c>
      <c r="I7" s="376">
        <v>25</v>
      </c>
      <c r="J7" s="376">
        <v>3</v>
      </c>
      <c r="K7" s="376">
        <v>9</v>
      </c>
      <c r="L7" s="376">
        <v>10</v>
      </c>
      <c r="M7" s="376">
        <v>7</v>
      </c>
      <c r="N7" s="377">
        <v>7</v>
      </c>
      <c r="O7" s="376">
        <v>10</v>
      </c>
      <c r="P7" s="377">
        <v>12</v>
      </c>
      <c r="Q7" s="379">
        <v>66</v>
      </c>
    </row>
    <row r="8" spans="1:17" ht="30" customHeight="1">
      <c r="A8" s="102"/>
      <c r="B8" s="380" t="s">
        <v>116</v>
      </c>
      <c r="C8" s="381">
        <v>388</v>
      </c>
      <c r="D8" s="382">
        <v>19</v>
      </c>
      <c r="E8" s="383">
        <v>5</v>
      </c>
      <c r="F8" s="383">
        <v>89</v>
      </c>
      <c r="G8" s="383">
        <v>206</v>
      </c>
      <c r="H8" s="383">
        <v>20</v>
      </c>
      <c r="I8" s="383">
        <v>0</v>
      </c>
      <c r="J8" s="383">
        <v>1</v>
      </c>
      <c r="K8" s="383">
        <v>29</v>
      </c>
      <c r="L8" s="383">
        <v>1</v>
      </c>
      <c r="M8" s="383">
        <v>0</v>
      </c>
      <c r="N8" s="384">
        <v>2</v>
      </c>
      <c r="O8" s="383">
        <v>0</v>
      </c>
      <c r="P8" s="384">
        <v>0</v>
      </c>
      <c r="Q8" s="385">
        <v>16</v>
      </c>
    </row>
    <row r="9" spans="1:17" ht="30" customHeight="1">
      <c r="A9" s="102"/>
      <c r="B9" s="386" t="s">
        <v>115</v>
      </c>
      <c r="C9" s="387">
        <v>163</v>
      </c>
      <c r="D9" s="388">
        <v>54</v>
      </c>
      <c r="E9" s="389">
        <v>12</v>
      </c>
      <c r="F9" s="389">
        <v>39</v>
      </c>
      <c r="G9" s="389">
        <v>16</v>
      </c>
      <c r="H9" s="389">
        <v>7</v>
      </c>
      <c r="I9" s="389">
        <v>7</v>
      </c>
      <c r="J9" s="389">
        <v>1</v>
      </c>
      <c r="K9" s="389">
        <v>1</v>
      </c>
      <c r="L9" s="389">
        <v>3</v>
      </c>
      <c r="M9" s="389">
        <v>3</v>
      </c>
      <c r="N9" s="390">
        <v>2</v>
      </c>
      <c r="O9" s="389">
        <v>8</v>
      </c>
      <c r="P9" s="390">
        <v>0</v>
      </c>
      <c r="Q9" s="390">
        <v>10</v>
      </c>
    </row>
    <row r="10" spans="1:17" ht="30" customHeight="1">
      <c r="A10" s="102"/>
      <c r="B10" s="386" t="s">
        <v>114</v>
      </c>
      <c r="C10" s="387">
        <v>136</v>
      </c>
      <c r="D10" s="388">
        <v>49</v>
      </c>
      <c r="E10" s="389">
        <v>7</v>
      </c>
      <c r="F10" s="389">
        <v>12</v>
      </c>
      <c r="G10" s="389">
        <v>25</v>
      </c>
      <c r="H10" s="389">
        <v>7</v>
      </c>
      <c r="I10" s="389">
        <v>13</v>
      </c>
      <c r="J10" s="389">
        <v>1</v>
      </c>
      <c r="K10" s="389">
        <v>0</v>
      </c>
      <c r="L10" s="389">
        <v>3</v>
      </c>
      <c r="M10" s="389">
        <v>0</v>
      </c>
      <c r="N10" s="390">
        <v>3</v>
      </c>
      <c r="O10" s="389">
        <v>3</v>
      </c>
      <c r="P10" s="390">
        <v>0</v>
      </c>
      <c r="Q10" s="390">
        <v>13</v>
      </c>
    </row>
    <row r="11" spans="1:17" ht="30" customHeight="1">
      <c r="A11" s="102"/>
      <c r="B11" s="386" t="s">
        <v>113</v>
      </c>
      <c r="C11" s="387">
        <v>94</v>
      </c>
      <c r="D11" s="388">
        <v>21</v>
      </c>
      <c r="E11" s="389">
        <v>10</v>
      </c>
      <c r="F11" s="389">
        <v>28</v>
      </c>
      <c r="G11" s="389">
        <v>10</v>
      </c>
      <c r="H11" s="389">
        <v>2</v>
      </c>
      <c r="I11" s="389">
        <v>0</v>
      </c>
      <c r="J11" s="389">
        <v>0</v>
      </c>
      <c r="K11" s="389">
        <v>0</v>
      </c>
      <c r="L11" s="389">
        <v>0</v>
      </c>
      <c r="M11" s="389">
        <v>0</v>
      </c>
      <c r="N11" s="390">
        <v>5</v>
      </c>
      <c r="O11" s="389">
        <v>1</v>
      </c>
      <c r="P11" s="390">
        <v>5</v>
      </c>
      <c r="Q11" s="390">
        <v>12</v>
      </c>
    </row>
    <row r="12" spans="1:17" ht="30" customHeight="1">
      <c r="A12" s="102"/>
      <c r="B12" s="373" t="s">
        <v>112</v>
      </c>
      <c r="C12" s="374">
        <v>161</v>
      </c>
      <c r="D12" s="375">
        <v>35</v>
      </c>
      <c r="E12" s="376">
        <v>14</v>
      </c>
      <c r="F12" s="376">
        <v>45</v>
      </c>
      <c r="G12" s="376">
        <v>12</v>
      </c>
      <c r="H12" s="376">
        <v>21</v>
      </c>
      <c r="I12" s="376">
        <v>6</v>
      </c>
      <c r="J12" s="376">
        <v>0</v>
      </c>
      <c r="K12" s="376">
        <v>7</v>
      </c>
      <c r="L12" s="376">
        <v>3</v>
      </c>
      <c r="M12" s="376">
        <v>2</v>
      </c>
      <c r="N12" s="377">
        <v>1</v>
      </c>
      <c r="O12" s="376">
        <v>6</v>
      </c>
      <c r="P12" s="377">
        <v>0</v>
      </c>
      <c r="Q12" s="377">
        <v>9</v>
      </c>
    </row>
    <row r="13" spans="1:17" ht="30" customHeight="1">
      <c r="A13" s="102"/>
      <c r="B13" s="378" t="s">
        <v>22</v>
      </c>
      <c r="C13" s="374">
        <f>SUM(C8:C12)</f>
        <v>942</v>
      </c>
      <c r="D13" s="375">
        <f>SUM(D8:D12)</f>
        <v>178</v>
      </c>
      <c r="E13" s="376">
        <f t="shared" ref="E13:Q13" si="0">SUM(E8:E12)</f>
        <v>48</v>
      </c>
      <c r="F13" s="376">
        <f t="shared" si="0"/>
        <v>213</v>
      </c>
      <c r="G13" s="376">
        <f t="shared" si="0"/>
        <v>269</v>
      </c>
      <c r="H13" s="376">
        <f t="shared" si="0"/>
        <v>57</v>
      </c>
      <c r="I13" s="376">
        <f t="shared" si="0"/>
        <v>26</v>
      </c>
      <c r="J13" s="376">
        <f t="shared" si="0"/>
        <v>3</v>
      </c>
      <c r="K13" s="376">
        <f t="shared" si="0"/>
        <v>37</v>
      </c>
      <c r="L13" s="376">
        <f t="shared" si="0"/>
        <v>10</v>
      </c>
      <c r="M13" s="376">
        <f t="shared" si="0"/>
        <v>5</v>
      </c>
      <c r="N13" s="376">
        <f t="shared" si="0"/>
        <v>13</v>
      </c>
      <c r="O13" s="376">
        <f t="shared" si="0"/>
        <v>18</v>
      </c>
      <c r="P13" s="376">
        <f t="shared" si="0"/>
        <v>5</v>
      </c>
      <c r="Q13" s="379">
        <f t="shared" si="0"/>
        <v>60</v>
      </c>
    </row>
    <row r="14" spans="1:17" ht="30" customHeight="1">
      <c r="A14" s="102"/>
      <c r="B14" s="380" t="s">
        <v>111</v>
      </c>
      <c r="C14" s="381">
        <v>713</v>
      </c>
      <c r="D14" s="382">
        <v>61</v>
      </c>
      <c r="E14" s="383">
        <v>38</v>
      </c>
      <c r="F14" s="383">
        <v>117</v>
      </c>
      <c r="G14" s="383">
        <v>49</v>
      </c>
      <c r="H14" s="383">
        <v>5</v>
      </c>
      <c r="I14" s="383">
        <v>263</v>
      </c>
      <c r="J14" s="383">
        <v>3</v>
      </c>
      <c r="K14" s="383">
        <v>0</v>
      </c>
      <c r="L14" s="383">
        <v>5</v>
      </c>
      <c r="M14" s="383">
        <v>76</v>
      </c>
      <c r="N14" s="384">
        <v>4</v>
      </c>
      <c r="O14" s="383">
        <v>22</v>
      </c>
      <c r="P14" s="384">
        <v>9</v>
      </c>
      <c r="Q14" s="385">
        <v>61</v>
      </c>
    </row>
    <row r="15" spans="1:17" ht="30" customHeight="1">
      <c r="A15" s="102"/>
      <c r="B15" s="386" t="s">
        <v>110</v>
      </c>
      <c r="C15" s="387">
        <v>75</v>
      </c>
      <c r="D15" s="388">
        <v>21</v>
      </c>
      <c r="E15" s="389">
        <v>12</v>
      </c>
      <c r="F15" s="389">
        <v>0</v>
      </c>
      <c r="G15" s="389">
        <v>14</v>
      </c>
      <c r="H15" s="389">
        <v>2</v>
      </c>
      <c r="I15" s="389">
        <v>6</v>
      </c>
      <c r="J15" s="389">
        <v>2</v>
      </c>
      <c r="K15" s="389">
        <v>0</v>
      </c>
      <c r="L15" s="389">
        <v>5</v>
      </c>
      <c r="M15" s="389">
        <v>0</v>
      </c>
      <c r="N15" s="390">
        <v>0</v>
      </c>
      <c r="O15" s="389">
        <v>0</v>
      </c>
      <c r="P15" s="390">
        <v>0</v>
      </c>
      <c r="Q15" s="390">
        <v>13</v>
      </c>
    </row>
    <row r="16" spans="1:17" ht="30" customHeight="1">
      <c r="A16" s="102"/>
      <c r="B16" s="391" t="s">
        <v>109</v>
      </c>
      <c r="C16" s="374">
        <v>445</v>
      </c>
      <c r="D16" s="382">
        <v>58</v>
      </c>
      <c r="E16" s="383">
        <v>59</v>
      </c>
      <c r="F16" s="383">
        <v>75</v>
      </c>
      <c r="G16" s="383">
        <v>50</v>
      </c>
      <c r="H16" s="383">
        <v>5</v>
      </c>
      <c r="I16" s="383">
        <v>53</v>
      </c>
      <c r="J16" s="383">
        <v>4</v>
      </c>
      <c r="K16" s="383">
        <v>45</v>
      </c>
      <c r="L16" s="383">
        <v>14</v>
      </c>
      <c r="M16" s="383">
        <v>6</v>
      </c>
      <c r="N16" s="384">
        <v>8</v>
      </c>
      <c r="O16" s="383">
        <v>13</v>
      </c>
      <c r="P16" s="384">
        <v>3</v>
      </c>
      <c r="Q16" s="384">
        <v>52</v>
      </c>
    </row>
    <row r="17" spans="1:24" ht="30" customHeight="1" thickBot="1">
      <c r="A17" s="102"/>
      <c r="B17" s="392" t="s">
        <v>74</v>
      </c>
      <c r="C17" s="393">
        <f>SUM(C14:C16)</f>
        <v>1233</v>
      </c>
      <c r="D17" s="394">
        <f>SUM(D14:D16)</f>
        <v>140</v>
      </c>
      <c r="E17" s="395">
        <f t="shared" ref="E17:Q17" si="1">SUM(E14:E16)</f>
        <v>109</v>
      </c>
      <c r="F17" s="395">
        <f t="shared" si="1"/>
        <v>192</v>
      </c>
      <c r="G17" s="395">
        <f t="shared" si="1"/>
        <v>113</v>
      </c>
      <c r="H17" s="395">
        <f t="shared" si="1"/>
        <v>12</v>
      </c>
      <c r="I17" s="395">
        <f t="shared" si="1"/>
        <v>322</v>
      </c>
      <c r="J17" s="395">
        <f t="shared" si="1"/>
        <v>9</v>
      </c>
      <c r="K17" s="395">
        <f t="shared" si="1"/>
        <v>45</v>
      </c>
      <c r="L17" s="395">
        <f t="shared" si="1"/>
        <v>24</v>
      </c>
      <c r="M17" s="395">
        <f t="shared" si="1"/>
        <v>82</v>
      </c>
      <c r="N17" s="395">
        <f t="shared" si="1"/>
        <v>12</v>
      </c>
      <c r="O17" s="395">
        <f t="shared" si="1"/>
        <v>35</v>
      </c>
      <c r="P17" s="395">
        <f t="shared" si="1"/>
        <v>12</v>
      </c>
      <c r="Q17" s="396">
        <f t="shared" si="1"/>
        <v>126</v>
      </c>
    </row>
    <row r="18" spans="1:24" s="8" customFormat="1" ht="37.5" customHeight="1" thickBot="1">
      <c r="A18" s="163"/>
      <c r="B18" s="397" t="s">
        <v>108</v>
      </c>
      <c r="C18" s="398">
        <f>SUM(C6:C7,C13,C17)</f>
        <v>5566</v>
      </c>
      <c r="D18" s="399">
        <f>SUM(D6:D7,D13,D17)</f>
        <v>880</v>
      </c>
      <c r="E18" s="400">
        <f t="shared" ref="E18:Q18" si="2">E6+E7+E13+E17</f>
        <v>491</v>
      </c>
      <c r="F18" s="400">
        <f t="shared" si="2"/>
        <v>981</v>
      </c>
      <c r="G18" s="400">
        <f t="shared" si="2"/>
        <v>1038</v>
      </c>
      <c r="H18" s="400">
        <f t="shared" si="2"/>
        <v>268</v>
      </c>
      <c r="I18" s="400">
        <f t="shared" si="2"/>
        <v>577</v>
      </c>
      <c r="J18" s="400">
        <f t="shared" si="2"/>
        <v>35</v>
      </c>
      <c r="K18" s="400">
        <f t="shared" si="2"/>
        <v>146</v>
      </c>
      <c r="L18" s="400">
        <f t="shared" si="2"/>
        <v>87</v>
      </c>
      <c r="M18" s="400">
        <f t="shared" si="2"/>
        <v>125</v>
      </c>
      <c r="N18" s="400">
        <f t="shared" si="2"/>
        <v>88</v>
      </c>
      <c r="O18" s="400">
        <f t="shared" si="2"/>
        <v>234</v>
      </c>
      <c r="P18" s="400">
        <f t="shared" si="2"/>
        <v>72</v>
      </c>
      <c r="Q18" s="401">
        <f t="shared" si="2"/>
        <v>544</v>
      </c>
      <c r="R18" s="17"/>
      <c r="S18" s="17"/>
      <c r="T18" s="17"/>
      <c r="U18" s="17"/>
      <c r="V18" s="17"/>
      <c r="W18" s="17"/>
      <c r="X18" s="17"/>
    </row>
    <row r="19" spans="1:24" ht="37.5" customHeight="1" thickTop="1">
      <c r="A19" s="102"/>
      <c r="B19" s="373" t="s">
        <v>107</v>
      </c>
      <c r="C19" s="402">
        <v>239301</v>
      </c>
      <c r="D19" s="403">
        <v>70390</v>
      </c>
      <c r="E19" s="404">
        <v>26733</v>
      </c>
      <c r="F19" s="404">
        <v>29203</v>
      </c>
      <c r="G19" s="404">
        <v>24358</v>
      </c>
      <c r="H19" s="404">
        <v>8606</v>
      </c>
      <c r="I19" s="404">
        <v>9564</v>
      </c>
      <c r="J19" s="404">
        <v>6719</v>
      </c>
      <c r="K19" s="404">
        <v>6210</v>
      </c>
      <c r="L19" s="404">
        <v>6031</v>
      </c>
      <c r="M19" s="404">
        <v>5422</v>
      </c>
      <c r="N19" s="404">
        <v>4387</v>
      </c>
      <c r="O19" s="404">
        <v>5575</v>
      </c>
      <c r="P19" s="404">
        <v>5061</v>
      </c>
      <c r="Q19" s="405">
        <v>31402</v>
      </c>
    </row>
    <row r="20" spans="1:24" s="12" customFormat="1" ht="18" customHeight="1">
      <c r="A20" s="406"/>
      <c r="B20" s="406"/>
      <c r="C20" s="407"/>
      <c r="D20" s="407"/>
      <c r="E20" s="407"/>
      <c r="F20" s="407"/>
      <c r="G20" s="407"/>
      <c r="H20" s="407"/>
      <c r="I20" s="407"/>
      <c r="J20" s="407"/>
      <c r="K20" s="407"/>
      <c r="L20" s="407"/>
      <c r="M20" s="407"/>
      <c r="N20" s="407"/>
      <c r="O20" s="407"/>
      <c r="P20" s="407"/>
      <c r="Q20" s="408" t="s">
        <v>106</v>
      </c>
      <c r="R20" s="21"/>
      <c r="S20" s="21"/>
      <c r="T20" s="21"/>
      <c r="U20" s="21"/>
      <c r="V20" s="21"/>
      <c r="W20" s="21"/>
      <c r="X20" s="21"/>
    </row>
    <row r="21" spans="1:24" s="12" customFormat="1" ht="9.6" customHeight="1">
      <c r="A21" s="406"/>
      <c r="B21" s="406"/>
      <c r="C21" s="407"/>
      <c r="D21" s="407"/>
      <c r="E21" s="407"/>
      <c r="F21" s="407"/>
      <c r="G21" s="407"/>
      <c r="H21" s="407"/>
      <c r="I21" s="407"/>
      <c r="J21" s="407"/>
      <c r="K21" s="407"/>
      <c r="L21" s="407"/>
      <c r="M21" s="407"/>
      <c r="N21" s="407"/>
      <c r="O21" s="407"/>
      <c r="P21" s="407"/>
      <c r="Q21" s="408"/>
      <c r="R21" s="21"/>
      <c r="S21" s="21"/>
      <c r="T21" s="21"/>
      <c r="U21" s="21"/>
      <c r="V21" s="21"/>
      <c r="W21" s="21"/>
      <c r="X21" s="21"/>
    </row>
    <row r="22" spans="1:24" s="12" customFormat="1" ht="18" customHeight="1">
      <c r="A22" s="406"/>
      <c r="B22" s="409" t="s">
        <v>105</v>
      </c>
      <c r="C22" s="409"/>
      <c r="D22" s="409"/>
      <c r="E22" s="409"/>
      <c r="F22" s="409"/>
      <c r="G22" s="409"/>
      <c r="H22" s="409"/>
      <c r="I22" s="409"/>
      <c r="J22" s="409"/>
      <c r="K22" s="409"/>
      <c r="L22" s="409"/>
      <c r="M22" s="409"/>
      <c r="N22" s="409"/>
      <c r="O22" s="409"/>
      <c r="P22" s="409"/>
      <c r="Q22" s="409"/>
      <c r="R22" s="21"/>
      <c r="S22" s="21"/>
      <c r="T22" s="21"/>
      <c r="U22" s="21"/>
      <c r="V22" s="21"/>
      <c r="W22" s="21"/>
      <c r="X22" s="21"/>
    </row>
    <row r="23" spans="1:24">
      <c r="B23" s="22"/>
      <c r="C23" s="22"/>
      <c r="D23" s="22"/>
      <c r="E23" s="22"/>
      <c r="F23" s="22"/>
      <c r="G23" s="22"/>
      <c r="H23" s="22"/>
      <c r="I23" s="22"/>
      <c r="J23" s="22"/>
      <c r="K23" s="22"/>
      <c r="L23" s="22"/>
      <c r="M23" s="22"/>
      <c r="N23" s="22"/>
      <c r="O23" s="22"/>
      <c r="P23" s="22"/>
      <c r="Q23" s="22"/>
    </row>
    <row r="30" spans="1:24">
      <c r="B30" s="18"/>
      <c r="C30" s="18"/>
      <c r="D30" s="18"/>
    </row>
    <row r="89" spans="3:10" ht="13.2" customHeight="1">
      <c r="C89" s="584" t="s">
        <v>152</v>
      </c>
      <c r="D89" s="584"/>
      <c r="E89" s="584"/>
      <c r="F89" s="584"/>
      <c r="G89" s="584"/>
      <c r="H89" s="584"/>
      <c r="J89" s="19" t="s">
        <v>147</v>
      </c>
    </row>
    <row r="90" spans="3:10" ht="12" customHeight="1">
      <c r="C90" s="584" t="s">
        <v>52</v>
      </c>
      <c r="D90" s="584"/>
      <c r="E90" s="584"/>
      <c r="F90" s="584"/>
      <c r="G90" s="584"/>
      <c r="H90" s="584"/>
      <c r="J90" s="19" t="s">
        <v>149</v>
      </c>
    </row>
    <row r="91" spans="3:10">
      <c r="C91" s="19" t="s">
        <v>151</v>
      </c>
    </row>
  </sheetData>
  <mergeCells count="2">
    <mergeCell ref="C89:H89"/>
    <mergeCell ref="C90:H90"/>
  </mergeCells>
  <phoneticPr fontId="5"/>
  <pageMargins left="0.74803149606299213" right="0.78740157480314965" top="0.59055118110236227" bottom="0.59055118110236227" header="0.51181102362204722" footer="0.19685039370078741"/>
  <pageSetup paperSize="9" scale="85" firstPageNumber="19" fitToHeight="0" orientation="portrait" blackAndWhite="1" useFirstPageNumber="1" r:id="rId1"/>
  <headerFooter scaleWithDoc="0" alignWithMargins="0">
    <oddFooter xml:space="preserve">&amp;C&amp;P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2(1)人口 概況</vt:lpstr>
      <vt:lpstr>2(2)県内地区別（管内）年齢別人口</vt:lpstr>
      <vt:lpstr>2(3)人口増減の動向 </vt:lpstr>
      <vt:lpstr>2(4)一般世帯の分類</vt:lpstr>
      <vt:lpstr>2(5)平均年齢2(6)合計特殊出生率</vt:lpstr>
      <vt:lpstr>2(7)外国人登録者数</vt:lpstr>
      <vt:lpstr>'2(1)人口 概況'!Print_Area</vt:lpstr>
      <vt:lpstr>'2(2)県内地区別（管内）年齢別人口'!Print_Area</vt:lpstr>
      <vt:lpstr>'2(3)人口増減の動向 '!Print_Area</vt:lpstr>
      <vt:lpstr>'2(4)一般世帯の分類'!Print_Area</vt:lpstr>
      <vt:lpstr>'2(5)平均年齢2(6)合計特殊出生率'!Print_Area</vt:lpstr>
      <vt:lpstr>'2(7)外国人登録者数'!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芝ユーザ</dc:creator>
  <cp:lastModifiedBy>user</cp:lastModifiedBy>
  <cp:lastPrinted>2023-08-08T03:03:57Z</cp:lastPrinted>
  <dcterms:created xsi:type="dcterms:W3CDTF">1999-05-13T05:22:10Z</dcterms:created>
  <dcterms:modified xsi:type="dcterms:W3CDTF">2023-08-09T09:37:43Z</dcterms:modified>
</cp:coreProperties>
</file>